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328"/>
  <workbookPr showObjects="none"/>
  <mc:AlternateContent xmlns:mc="http://schemas.openxmlformats.org/markup-compatibility/2006">
    <mc:Choice Requires="x15">
      <x15ac:absPath xmlns:x15ac="http://schemas.microsoft.com/office/spreadsheetml/2010/11/ac" url="https://resources.deloitte.com/sites/DeloitteDigital905/Shared Documents/Projects/HDB BANK/Deliverables/Content/Content/Content organization/03_Glossary/"/>
    </mc:Choice>
  </mc:AlternateContent>
  <xr:revisionPtr revIDLastSave="58" documentId="13_ncr:1_{2CA5186A-E3AE-41C9-AEDF-7B0A6AD5441C}" xr6:coauthVersionLast="47" xr6:coauthVersionMax="47" xr10:uidLastSave="{8605D199-3472-4AFE-A448-65A29796FCDD}"/>
  <bookViews>
    <workbookView xWindow="-110" yWindow="-110" windowWidth="19420" windowHeight="11620" xr2:uid="{69EE144A-46DF-4976-845A-F198714C9FC5}"/>
  </bookViews>
  <sheets>
    <sheet name="Επιχειρηματικό Λεξικό" sheetId="4" r:id="rId1"/>
  </sheets>
  <definedNames>
    <definedName name="_xlnm._FilterDatabase" localSheetId="0" hidden="1">'Επιχειρηματικό Λεξικό'!$A$1:$B$138</definedName>
  </definedNames>
  <calcPr calcId="191028" calcOnSave="0"/>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376" uniqueCount="375">
  <si>
    <t>Ακαθάριστο Εθνικό Προϊόν (ΑΕΠ)</t>
  </si>
  <si>
    <t>Η συνολική αξία όλων των αγαθών και υπηρεσιών που παράγονται από τους κατοίκους μιας χώρας σε μια συγκεκριμένη χρονική περίοδο, συνήθως ετησίως, συμπεριλαμβανομένων των παραγωγών που πραγματοποιούνται εντός και εκτός των συνόρων της χώρας. Σε αντίθεση με το Ακαθάριστο Εγχώριο Προϊόν (ΑΕΠ), το ΑΕΠ περιλαμβάνει επίσης τα έσοδα από το εξωτερικό.</t>
  </si>
  <si>
    <t>Ο πρώτος γύρος χρηματοδότησης για νεοσύστατες επιχειρήσεις με αποδεδειγμένο αναπτυξιακό ιστορικό και ετοιμότητα για κλιμάκωση. Ακολουθεί τη φάση seed funding και στοχεύει στη συγκέντρωση κεφαλαίων μεταξύ 2 και 15 εκατομμυρίων ευρώ από επιχειρηματικά κεφάλαια, αγγέλους επενδυτές και θεσμικούς επενδυτές. Κύριος στόχος είναι η βελτιστοποίηση του προϊόντος και της εμπειρίας των χρηστών, η κλιμάκωση του επιχειρηματικού μοντέλου, η επέκταση της ομάδας και η εφαρμογή στρατηγικών μάρκετινγκ για ανάπτυξη και προσέλκυση πελατών. Οι επενδυτές αναζητούν επιχειρήσεις με σαφή αξία και ισχυρό επιχειρηματικό σχέδιο. Αναμένουν ότι η νεοσύστατη επιχείρηση θα έχει επιτύχει έγκυρη ταυτοποίηση προϊόντος-αγοράς και μετρήσιμη προσαρμογή, που δείχνει ότι η εταιρεία είναι έτοιμη για ανάπτυξη.</t>
  </si>
  <si>
    <t>Αμοιβαίο Κεφάλαιο</t>
  </si>
  <si>
    <t>Επενδυτική οντότητα που συγκεντρώνει κεφάλαια από πολλούς επενδυτές και τα διαχειρίζεται επαγγελματίας διαχειριστής. Επενδύει σε διαφοροποιημένο χαρτοφυλάκιο μετοχών, ομολόγων ή άλλων χρηματοοικονομικών μέσων, ανάλογα με τους στόχους του. Προσφέρει πρόσβαση σε επενδύσεις και μειώνει το επενδυτικό ρίσκο μέσω της διαφοροποίησης.</t>
  </si>
  <si>
    <t>Αναχρηματοδότηση</t>
  </si>
  <si>
    <t>Η διαδικασία αντικατάστασης ενός παλαιού δανείου ή χρέους με ένα νέο δάνειο, συνήθως με διαφορετικούς όρους. Οι δανειολήπτες επιλέγουν την αναχρηματοδότηση για να επιτύχουν καλύτερους όρους, όπως χαμηλότερα επιτόκια, μεγαλύτερη διάρκεια αποπληρωμής ή καλύτερες συνθήκες πληρωμής, με στόχο να μειώσουν το κόστος εξυπηρέτησης του χρέους ή να διευκολύνουν την αποπληρωμή.</t>
  </si>
  <si>
    <t>Ανοιχτό Δάνειο</t>
  </si>
  <si>
    <t>Επιτρέπει στον δανειολήπτη να δανειστεί ποσά έως ένα καθορισμένο όριο, χωρίς να απαιτείται προκαθορισμένο ποσό ή συγκεκριμένοι όροι αποπληρωμής. Ο δανειολήπτης μπορεί να επαναχρησιμοποιεί το πιστωτικό όριο μετά την αποπληρωμή, χωρίς νέες εγκρίσεις. Παραδείγματα είναι οι πιστωτικές κάρτες και τα ανοιχτά τραπεζικά δάνεια.</t>
  </si>
  <si>
    <t>Ανώνυμη Μετοχή</t>
  </si>
  <si>
    <t>Εκπροσωπεί την ιδιοκτησία σε μια ανώνυμη εταιρεία και δεν αναφέρει το όνομα του κατόχου της, επιτρέποντας ελεύθερη μεταβίβαση χωρίς καταγραφή στο εταιρικό βιβλίο. Η αξία της συνδέεται με την εταιρεία και η αγορά ή πώλησή της γίνεται μέσω χρηματιστηρίου. Ο κάτοχος έχει δικαίωμα ψήφου και μερίσματος.</t>
  </si>
  <si>
    <t>Ανώνυμη Εταιρία (Α.Ε.)</t>
  </si>
  <si>
    <t>Χαρακτηρίζεται από την αποδοχή μετοχών ως κεφαλαίου, το οποίο ανήκει στους μετόχους. Οι μετοχές της εταιρείας είναι ελεύθερα μεταβιβάσιμες και διαπραγματεύσιμες στο χρηματιστήριο. Η ευθύνη των μετόχων περιορίζεται στην αξία των ιδιόκτητων μετοχών, δηλαδή δεν ευθύνονται προσωπικά για τα χρέη της εταιρείας.Έχει νομική υπόσταση ξεχωριστή από τα μέλη της και λειτουργεί βάσει καταστατικού. Χρησιμοποιείται συνήθως για μεγάλες επιχειρήσεις και για τη συλλογή κεφαλαίων μέσω έκδοσης μετοχών.</t>
  </si>
  <si>
    <t xml:space="preserve">Απλό ή ονομαστικό επιτόκιο </t>
  </si>
  <si>
    <t>Απόσβεση</t>
  </si>
  <si>
    <t xml:space="preserve">Σταδιακή μείωση της αξίας ενός υλικού περιουσιακού στοιχείου με την πάροδο του χρόνου, λόγω παραγόντων όπως η φθορά, η ηλικία ή η παλαιότητα. Για παράδειγμα, μηχανήματα, κτίρια και οχήματα χάνουν αξία κατά τη διάρκεια της χρήσιμης ζωής τους. Η απόσβεση καταγράφεται ως έξοδο στην κατάσταση αποτελεσμάτων και χρησιμοποιείται για την κατανομή του κόστους ενός περιουσιακού στοιχείου κατά τη διάρκεια της χρήσιμης ζωής του. </t>
  </si>
  <si>
    <t>Η διαδικασία κατά την οποία μια ιδιωτική εταιρεία προσφέρει τις μετοχές της στο κοινό για πρώτη φορά. Αυτό επιτρέπει στην εταιρεία να συγκεντρώσει κεφάλαια από ένα ευρύτερο φάσμα επενδυτών και να μεταβεί από το να είναι ιδιωτικά κατεχόμενη σε δημόσια εισηγμένη στο χρηματιστήριο. Μια IPO περιλαμβάνει συνήθως την έκδοση νέων μετοχών, επιτρέποντας στην εταιρεία να χρηματοδοτήσει πρωτοβουλίες ανάπτυξης, να αποπληρώσει υπάρχοντα χρέη ή να επιδιώξει άλλους εταιρικούς στόχους. Παρέχει επίσης ρευστότητα στους πρώτους επενδυτές, επιτρέποντάς τους να πουλήσουν τις μετοχές τους στην ανοιχτή αγορά.</t>
  </si>
  <si>
    <t xml:space="preserve">Ατομική Επιχείρηση </t>
  </si>
  <si>
    <t>Μια μορφή επιχειρηματικής δραστηριότητας όπου η ιδιοκτησία και η διαχείριση ανήκουν σε ένα μόνο άτομο. Ο ιδιοκτήτης αναλαμβάνει προσωπικά την ευθύνη για τα χρέη και τις υποχρεώσεις της επιχείρησης, ενώ παράλληλα έχει τον πλήρη έλεγχο των αποφάσεων. Αυτή η δομή είναι ιδιαίτερα δημοφιλής για μικρές επιχειρήσεις λόγω της απλότητας και της ευελιξίας στη διαχείριση.</t>
  </si>
  <si>
    <t>Βασικοί Δείκτες Απόδοσης (KPI</t>
  </si>
  <si>
    <t>Μετρήσιμες τιμές που χρησιμοποιούνται για την αξιολόγηση της απόδοσης μιας εταιρείας, ενός έργου ή μιας διαδικασίας σε σχέση με τους προκαθορισμένους στόχους. Οι KPI συμβάλλουν στη λήψη αποφάσεων και τη στρατηγική διαχείριση, δίνοντας πληροφορίες σχετικά με την αποτελεσματικότητα των δραστηριοτήτων και τη συμμόρφωση με τους επιχειρηματικούς στόχους.</t>
  </si>
  <si>
    <t xml:space="preserve">Β' Φάση Χρηματοδότησης </t>
  </si>
  <si>
    <t>Ο δεύτερος γύρος χρηματοδότησης που αντλεί μια επιχείρηση εκκίνησης μετά τη χρηματοδότηση σποράς και τη χρηματοδότηση Σειράς Α.  Αναμένεται από την επιχείρηση να έχει αποδεδειγμένο προϊόν, αξιόπιστη βάση πελατών και ένα σταθερό επιχειρηματικό μοντέλο. Στόχο αποτελεί η κλιμάκωση της επιχείρησης, η επέκταση σε νέες αγορές και η βελτιστοποίηση των λειτουργιών. Οι επενδυτές στη Σειρά B περιλαμβάνουν συνήθως εταιρείες επιχειρηματικών συμμετοχών, εταιρείες ιδιωτικών κεφαλαίων και μερικές φορές εταιρικούς επενδυτές. Τα κεφάλαια χρησιμοποιούνται για να επιταχύνουν την ανάπτυξη, να βελτιώσουν τις προσφορές προϊόντων και να δημιουργήσουν μια μεγαλύτερη ομάδα για να υποστηρίξουν τις επεκταμένες λειτουργίες.</t>
  </si>
  <si>
    <t xml:space="preserve">Γ' Φάση Χρηματοδότησης </t>
  </si>
  <si>
    <t>Ένας πιο προχωρημένος γύρος για επιχειρήσεις που έχουν καθιερώσει το επιχειρηματικό τους μοντέλο, αποδείξει το προϊόν ή την υπηρεσία τους και δημιουργήσει μια σημαντική βάση πελατών. Στόχος είναι η κλιμάκωση της επιχείρησης σε νέα ύψη, η επέκταση σε διεθνείς αγορές και η προετοιμασία για μια ενδεχόμενη έξοδο, όπως μια εξαγορά ή η Δημόσια Προσφορά Μετοχών (IPO). Οι επενδυτές στη Σειρά C περιλαμβάνουν συχνά εταιρείες επιχειρηματικών συμμετοχών, εταιρείες ιδιωτικών κεφαλαίων, κεφάλαια αντιστάθμισης κινδύνου και, μερικές φορές, μεγάλες εταιρείες που επιθυμούν να επενδύσουν σε εταιρείες με υψηλή ανάπτυξη. Οι επενδύσεις χρησιμοποιούνται για επιθετική επέκταση, εξαγορές και ενίσχυση της υποδομής για την υποστήριξη της ανάπτυξης.</t>
  </si>
  <si>
    <t>Γενικός Κανονισμός για την Προστασία Δεδομένων</t>
  </si>
  <si>
    <t>Κανονισμός της Ευρωπαϊκής Ένωσης (ΕΕ) που καθορίζει κατευθυντήριες γραμμές για τη συλλογή και την επεξεργασία προσωπικών δεδομένων από άτομα που ζουν στην ΕΕ. Ισχύει από τις 25 Μαΐου 2018 και στοχεύει στο να δώσει στους πολίτες έλεγχο επί των προσωπικών τους δεδομένων και να ενοποιήσει τους νόμους προστασίας δεδομένων σε όλα τα κράτη-μέλη της ΕΕ.</t>
  </si>
  <si>
    <t>Εγγυητική Επιστολή</t>
  </si>
  <si>
    <t>Έγγραφο που εκδίδεται από μια τράπεζα ή χρηματοπιστωτικό ίδρυμα, το οποίο εγγυάται την εκπλήρωση μιας υποχρέωσης ενός ατόμου ή οργανισμού προς έναν τρίτο. Χρησιμοποιείται συχνά σε συμφωνίες και συμβάσεις ως μέσο ασφάλειας, για να διασφαλιστεί ότι ο εγγυητής θα καλύψει οικονομικά μια υποχρέωση σε περίπτωση αθέτησης της από πλευράς του κυρίου οφειλέτη. Οι εγγυητικές επιστολές χρησιμοποιούνται συχνά στον τομέα των δημόσιων έργων, στις επιχειρηματικές συμφωνίες και στις διεθνείς εμπορικές συναλλαγές.</t>
  </si>
  <si>
    <t xml:space="preserve">Εγγύηση </t>
  </si>
  <si>
    <t>Περιουσιακό στοιχείο που παρέχει ο δανειολήπτης για να εξασφαλίσει ένα δάνειο ή πιστωτική γραμμή. Εάν ο δανειολήπτης δεν τηρήσει τις υποχρεώσεις του, ο δανειστής έχει το δικαίωμα να κατάσχει την εγγύηση για να ανακτήσει το ποσό που οφείλεται. Κοινά παραδείγματα εγγυήσεων περιλαμβάνουν ακίνητα, οχήματα και άλλα πολύτιμα περιουσιακά στοιχεία. Η αξία της εγγύησης συνήθως πρέπει να είναι ίση ή μεγαλύτερη από την αξία του δανείου για να μειωθεί ο κίνδυνος για τον δανειστή.</t>
  </si>
  <si>
    <t>Ενοχική Εξασφάλιση</t>
  </si>
  <si>
    <t>Νομική συμφωνία κατά την οποία ο οφειλέτης παρέχει εξασφαλίσεις στον δανειστή, χωρίς όμως τη μεταβίβαση της κυριότητας κάποιου περιουσιακού στοιχείου. Η εξασφάλιση αυτή συχνά βασίζεται σε συμβατικούς όρους ή εγγυήσεις και αφορά την παροχή δικαιωμάτων στο δανειστή για να εξασφαλίσει την πληρωμή ή την εκπλήρωση υποχρεώσεων του οφειλέτη.</t>
  </si>
  <si>
    <t xml:space="preserve">Εμπράγματη Εξασφάλιση </t>
  </si>
  <si>
    <t>Μορφή εγγύησης που παρέχεται από τον δανειολήπτη προς τον δανειστή για την εξασφάλιση του δανείου. Σε περίπτωση αθέτησης πληρωμών, ο δανειστής έχει το δικαίωμα να κατασχέσει και να πουλήσει το αντικείμενο της εξασφάλισης (όπως ακίνητα, οχήματα ή άλλες αξίες) για να καλύψει την οφειλή του. Αυτή η διαδικασία προστατεύει τον δανειστή από τον κίνδυνο μη αποπληρωμής του δανείου.</t>
  </si>
  <si>
    <t xml:space="preserve">Εμπορικά σήματα </t>
  </si>
  <si>
    <t>Προστατεύουν τα διακριτικά στοιχεία μιας μάρκας, όπως ονόματα, λογότυπα, σύμβολα και ήχους που διακρίνουν τα προϊόντα ή τις υπηρεσίες μιας εταιρείας. Η προστασία των εμπορικών σημάτων διασφαλίζει ότι καμία άλλη επιχείρηση δεν μπορεί να χρησιμοποιήσει τα ίδια ή παρόμοια σήματα με τρόπο που να προκαλεί σύγχυση στους καταναλωτές. Τα εμπορικά σήματα είναι απαραίτητα για την αναγνώριση και τη φήμη της μάρκας.</t>
  </si>
  <si>
    <t>Επιδότηση</t>
  </si>
  <si>
    <t>Οικονομική ενίσχυση ή χρηματική βοήθεια που παρέχεται συνήθως από το κράτος ή άλλους οργανισμούς για την υποστήριξη συγκεκριμένων δραστηριοτήτων ή έργων, χωρίς να απαιτείται επιστροφή. Οι επιδοτήσεις στοχεύουν στην ενίσχυση τομέων όπως η γεωργία, η έρευνα, οι μικρές και μεσαίες επιχειρήσεις και άλλες ανάγκες που εξυπηρετούν το δημόσιο συμφέρον.</t>
  </si>
  <si>
    <t>Επιταχυντης Accelerator</t>
  </si>
  <si>
    <t>Πρόγραμμα σχεδιασμένο να υποστηρίζει νεοσύστατες επιχειρήσεις (startups) σε πρώιμο στάδιο, παρέχοντάς τους πόρους, καθοδήγηση και χρηματοδότηση για να τις βοηθήσει να αναπτυχθούν και να επιτύχουν. Οι επιταχυντές συνήθως διαρκούν για μια συγκεκριμένη περίοδο, συνήθως από τρεις έως έξι μήνες, κατά την οποία οι νεοσύστατες επιχειρήσεις λαμβάνουν εντατική καθοδήγηση και υποστήριξη</t>
  </si>
  <si>
    <t>Επιχειρηματικός Άγγελος</t>
  </si>
  <si>
    <t>Γνωστός και ως επενδυτής άγγελος, παρέχει χρηματοδοτική υποστήριξη σε νεοσύστατες επιχειρήσεις ή επιχειρηματίες σε πρώιμο στάδιο, συνήθως με αντάλλαγμα μετοχική συμμετοχή ή μετατρέψιμο χρέος. Προσφέρει χρηματοδότηση, αλλά και καθοδήγηση, συμβουλές και πολύτιμες συνδέσεις στον κλάδο.Επενδύει τα προσωπικά του κεφάλαια, αναλαμβάνοντας μεγαλύτερους κινδύνους συγκριτικά με τις παραδοσιακές εταιρείες. Διαδραματίζει κρίσιμο ρόλο στο οικοσύστημα των startups, γεφυρώνοντας το χρηματοδοτικό κενό που αντιμετωπίζουν πολλές νεοσύστατες επιχειρήσεις.</t>
  </si>
  <si>
    <t>Επιχειρηματικό μοντέλο</t>
  </si>
  <si>
    <t>Περιγράφει τον τρόπο με τον οποίο μια εταιρεία παράγει έσοδα και κέρδη. Περιλαμβάνει την πρόταση αξίας της εταιρείας, τα τμήματα στόχου πελατών, τις κύριες δραστηριότητες, πόρους και συνεργασίες, μαζί με τις πηγές εσόδων και τη δομή κόστους. Είναι ένα βασικό εργαλείο για τις επιχειρήσεις προκειμένου να ορίσουν την προσέγγισή τους στην αγορά.</t>
  </si>
  <si>
    <t>Επιχορήγηση</t>
  </si>
  <si>
    <t>Η χρηματοδότηση ή οικονομική ενίσχυση που παρέχεται από δημόσιο ή ιδιωτικό φορέα σε άτομα, οργανισμούς ή εταιρείες για την εκτέλεση συγκεκριμένων έργων ή δραστηριοτήτων. Η επιχορήγηση συνήθως δεν απαιτεί επιστροφή, αν και μπορεί να συνοδεύεται από συγκεκριμένες προϋποθέσεις ή στόχους που πρέπει να εκπληρωθούν.</t>
  </si>
  <si>
    <t>Εταιρία Περιορισμένης Ευθύνης (Ε.Π.Ε.)</t>
  </si>
  <si>
    <t>Μορφή εταιρίας στην οποία η ευθύνη των μετόχων περιορίζεται στην αξία των μεριδίων τους. Δηλαδή, οι μέτοχοι δεν ευθύνονται προσωπικά για τις υποχρεώσεις της εταιρίας πέρα από την αξία των μεριδίων τους. Η Ε.Π.Ε. είναι ιδανική για μικρές και μεσαίες επιχειρήσεις καθώς προσφέρει περιορισμένη ευθύνη για τα μέλη της και έχει ευέλικτο καθεστώς στη διαχείριση και οργάνωση.</t>
  </si>
  <si>
    <t xml:space="preserve">Ετερόρρυθμη Εταιρεία </t>
  </si>
  <si>
    <t>Μορφή εμπορικής εταιρείας στην οποία υπάρχουν δύο τύποι εταίρων: οι ομόρρυθμοι και οι ετερόρρυθμοι. Οι ομόρρυθμοι εταίροι είναι υπεύθυνοι απεριόριστα και προσωπικά για τις υποχρεώσεις της εταιρείας, ενώ οι ετερόρρυθμοι εταίροι περιορίζονται στην ευθύνη τους στο κεφάλαιο που έχουν καταβάλει στην εταιρεία. Η εταιρεία αυτή συνήθως χρησιμοποιείται όταν οι εταίροι επιθυμούν να επενδύσουν χωρίς να αναλαμβάνουν πλήρη ευθύνη για τις υποχρεώσεις.</t>
  </si>
  <si>
    <t>Δείκτης Αναφοράς (benchmark)</t>
  </si>
  <si>
    <t>Πρότυπο ή σημείο αναφοράς με το οποίο μπορούν να συγκριθούν ή να αξιολογηθούν διάφορα στοιχεία. Στον τομέα των επιχειρήσεων, των χρηματοοικονομικών και των επενδύσεων, οι δείκτες αναφοράς χρησιμοποιούνται για να μετρηθεί η απόδοση μιας συγκεκριμένης επένδυσης, περιουσιακού στοιχείου ή στρατηγικής σε σχέση με ένα σχετικό πρότυπο. Για παράδειγμα, χρηματιστηριακοί δείκτες όπως ο S&amp;P 500 ή ο Dow Jones χρησιμοποιούνται συχνά ως δείκτες αναφοράς για να συγκριθεί η απόδοση μεμονωμένων μετοχών ή χαρτοφυλακίων επενδύσεων. Επίσης, στη διαχείριση έργων, οι δείκτες αναφοράς αναφέρονται σε καθιερωμένες βέλτιστες πρακτικές ή μετρικές απόδοσης που χρησιμοποιούνται για να αξιολογηθεί η αποτελεσματικότητα ή η επιτυχία ενός έργου.</t>
  </si>
  <si>
    <t xml:space="preserve">Διανοητική ιδιοκτησία </t>
  </si>
  <si>
    <t>Νομικά δικαιώματα που παραχωρούνται σε άτομα ή οργανισμούς για τις δημιουργίες του μυαλού τους. Αυτά τα δικαιώματα επιτρέπουν στους δημιουργούς να προστατεύουν τις εφευρέσεις τους, τα σχέδια, τα εμπορικά σήματα, τα ονόματα εμπορικών σημάτων, τα λογοτεχνικά έργα και τις καλλιτεχνικές εκφράσεις. Η διανοητική ιδιοκτησία διασφαλίζει ότι οι δημιουργοί μπορούν να ελέγχουν τη χρήση και τη διανομή των έργων τους, ενθαρρύνοντας έτσι την καινοτομία και τη δημιουργικότητα, παρέχοντας αποκλειστικά δικαιώματα για μια συγκεκριμένη χρονική περίοδο</t>
  </si>
  <si>
    <t xml:space="preserve">Διαφανείς Ενισχύσεις </t>
  </si>
  <si>
    <t>Κρατικές ενισχύσεις που παρέχονται σε επιχειρήσεις με μικρό αντίκτυπο στον ανταγωνισμό της εσωτερικής αγοράς της Ευρωπαϊκής Ένωσης. Αυτού του είδους οι ενισχύσεις είναι επιτρεπτές χωρίς να απαιτούν προηγούμενη έγκριση από την Επιτροπή Ανταγωνισμού της ΕΕ, υπό την προϋπόθεση ότι το συνολικό ποσό που παρέχεται σε μία επιχείρηση δεν ξεπερνά ένα ορισμένο όριο, το οποίο έχει καθοριστεί για μια περίοδο τριών ετών. Οι ενισχύσεις αυτές θεωρούνται μη επιζήμιες για τον ανταγωνισμό και την εμπορική δραστηριότητα της ΕΕ.</t>
  </si>
  <si>
    <t xml:space="preserve">Διπλώματα Ευρεσιτεχνίας </t>
  </si>
  <si>
    <t>Παρέχουν αποκλειστικά δικαιώματα στους εφευρέτες, επιτρέποντάς τους να χρησιμοποιούν, να πωλούν ή να αδειοδοτούν τις εφευρέσεις τους για μια καθορισμένη περίοδο, συνήθως 20 χρόνια. Για να δικαιούται προστασία, μια εφεύρεση πρέπει να είναι νέα, χρήσιμη και μη προφανής. Τα διπλώματα ευρεσιτεχνίας ενθαρρύνουν την καινοτομία παρέχοντας στους εφευρέτες έλεγχο στη χρήση της εφεύρεσής τους.</t>
  </si>
  <si>
    <t>Κεφάλαιο Επιχειρηματικών Συμμετοχών (Venture Capital)</t>
  </si>
  <si>
    <t>Χρηματοδότηση ιδιωτικού κεφαλαίου που παρέχεται σε νεοσύστατες και μικρές επιχειρήσεις με υψηλό αναπτυξιακό δυναμικό. Οι επενδυτές αποκτούν μετοχές και συχνά αναλαμβάνουν ρόλο στη στρατηγική κατεύθυνση της επιχείρησης. Η χρηματοδότηση VC είναι κρίσιμη για την ανάπτυξη προϊόντων, την είσοδο σε νέες αγορές και την πρόσληψη ταλέντου.Αν και ενέχει υψηλούς κινδύνους, μπορεί να προσφέρει σημαντικές αποδόσεις εφόσον η επιχείρηση επιτύχει.</t>
  </si>
  <si>
    <t>Μικρή επιχείρηση</t>
  </si>
  <si>
    <t>Λιγότεροι από 50 εργαζόμενοι με ετήσιο κύκλο εργασιών ή ισολογισμό κάτω των 10 εκατομμυρίων ευρώ,</t>
  </si>
  <si>
    <t>Μεσαία επιχείρηση: λιγότεροι από 250 εργαζόμενοι με ετήσιο κύκλο εργασιών κάτω των 50 εκατομμυρίων ευρώ ή ισολογισμό κάτω των 43 εκατομμυρίων ευρώ.</t>
  </si>
  <si>
    <t xml:space="preserve">Μικροχρηματοδότηση </t>
  </si>
  <si>
    <t>Παροχή μικρών χρηματοοικονομικών υπηρεσιών, όπως δάνεια, ασφάλειες ή καταθέσεις, σε άτομα ή μικρές επιχειρήσεις που δεν έχουν πρόσβαση στις παραδοσιακές τραπεζικές υπηρεσίες. Στόχος της μικροχρηματοδότησης είναι να ενισχυθούν άτομα ή κοινότητες που ζουν σε συνθήκες φτώχειας, δίνοντάς τους την ευκαιρία να ξεκινήσουν ή να αναπτύξουν επιχειρηματικές δραστηριότητες και να βελτιώσουν τις συνθήκες διαβίωσής τους.</t>
  </si>
  <si>
    <t>Νεοφυής επιχείρηση (Start Θp)</t>
  </si>
  <si>
    <t>Μια νεοσύστατη επιχείρηση που συνήθως επικεντρώνεται στη δημιουργία ή την ανάπτυξη καινοτόμων προϊόντων ή υπηρεσιών. Σε αντίθεση με τις παραδοσιακές επιχειρήσεις, οι start ups στοχεύουν σε ταχεία ανάπτυξη και λειτουργούν συχνά σε αβέβαιες συνθήκες αγοράς, αναζητώντας ένα επεκτάσιμο επιχειρηματικό μοντέλο. Συνήθως, οι start ups αναζητούν εξωτερική χρηματοδότηση για να επιταχύνουν την ανάπτυξή τους, να προσελκύσουν ταλέντα και να επεκταθούν γρήγορα. Είναι γνωστές για την ευέλικτη εργασιακή κουλτούρα τους, την υψηλή ανεκτικότητα σε ρίσκο και την ανατρεπτική προσέγγιση σε κλάδους όπως η τεχνολογία, η υγεία και τα οικονομικά.</t>
  </si>
  <si>
    <t>Πολύ Μικρή Επιχείρηση</t>
  </si>
  <si>
    <t>Είδος επιχείρησης με λιγότερους από 10 εργαζομένους και με ετήσιο κύκλο εργασιών (ποσό εισπραχθέντων σε μια συγκεκριμένη περίοδο) ή ισολογισμό (έκθεση ενεργητικού και παθητικού μιας εταιρείας) κάτω των 2 εκατομμυρίων ευρώ.</t>
  </si>
  <si>
    <t xml:space="preserve">Προβληματική Επιχείρηση </t>
  </si>
  <si>
    <t xml:space="preserve">Η Επιχείρηση που δεν είναι ικανή να ανακόψει τη ζημιογόνο πορεία της με δικούς της οικονομικούς πόρους ή με πόρους που εξασφαλίζει από τους ιδιοκτήτες/μέτοχους και τους πιστωτές της. Χωρίς εξωτερική παρέμβαση από το κράτος, θα οδηγηθεί προς μια σχεδόν βέβαιη οικονομική εξαφάνιση βραχυπρόθεσμα ή μεσοπρόθεσμα.
Οι προβληματικές επιχειρήσεις εξαιρούνται από τα προγράμματα με τα οποία παρέχεται κρατική ενίσχυση στις επιχειρήσεις με τη μορφή επιχορήγησης, δανείου, επιδότησης επιτοκίου κλπ. είτε αυτά χρηματοδοτούνται από το ΕΣΠΑ, είτε από εθνικούς πόρους ή από άλλες πηγές.
Χαρακτηριστικά στοιχεία που χαρακτηρίζουν μια επιχείρησης ως προβληματικής είναι:
-	Να έχει ενταχθεί σε πτωχευτική διαδικασία.
-	Να έχει λάβει ενίσχυση διάσωσης και να μην έχει αποπληρωθεί ακόμη το ΄δάνειο ή η εγγύησης.
-	Να έχει λάβει ενίσχυση αναδιάρθρωσης και να βρίσκεται σε σχέδιο αναδιάρθρωσης.
-	Να έχει απωλέσει λόγω συσσωρευμένων ζημιών πάνω από το ήμισυ του κεφαλαίου τους. </t>
  </si>
  <si>
    <t xml:space="preserve">Στρατηγικη εξόδου </t>
  </si>
  <si>
    <t>Σχέδιο για το πώς οι επενδυτές ή οι ιδρυτές θα εξέρχονται από την επιχείρηση και θα ρευστοποιούν την επένδυσή τους. Συνήθεις στρατηγικές εξόδου περιλαμβάνουν συγχωνεύσεις, εξαγορές ή μια αρχική δημόσια προσφορά (IPO).</t>
  </si>
  <si>
    <t>Φιλοξενία Ιστοσελίδας (Hosting)</t>
  </si>
  <si>
    <t>Υπηρεσία που επιτρέπει σε άτομα ή επιχειρήσεις να κάνουν τους ιστότοπούς τους διαθέσιμους στο διαδίκτυο. Οι πάροχοι φιλοξενίας προσφέρουν χώρο και πόρους σε διακομιστές για την αποθήκευση των αρχείων του ιστότοπου, καθιστώντας τον προσβάσιμο στους χρήστες online. Αυτή η υπηρεσία είναι απαραίτητη για να είναι ένας ιστότοπος ενεργός και προσβάσιμος μέσω ενός ονόματος τομέα.</t>
  </si>
  <si>
    <t xml:space="preserve">Χρηματοδοτική Μίσθωση </t>
  </si>
  <si>
    <t>Συμφωνία κατά την οποία η επιχείρηση ή το άτομο (μισθωτής) αποκτά το δικαίωμα να χρησιμοποιεί ένα περιουσιακό στοιχείο, όπως για παράδειγμα εξοπλισμό ή ακίνητα, χωρίς να το αποκτά κυριολεκτικά. Αντίθετα, καταβάλλει περιοδικές πληρωμές (μισθώματα) στον εκμισθωτή για τη χρήση του περιουσιακού στοιχείου, για μια καθορισμένη χρονική περίοδο. Στην περίπτωση που η συμφωνία ολοκληρωθεί, ο μισθωτής συνήθως έχει τη δυνατότητα να αγοράσει το περιουσιακό στοιχείο για ένα προκαθορισμένο ποσό.</t>
  </si>
  <si>
    <t>Αυτοχρηματοδότηση (Bootstrapping)</t>
  </si>
  <si>
    <t>Διαδικασία δημιουργίας και ανάπτυξης μιας επιχείρησης χρησιμοποιώντας τις προσωπικές αποταμιεύσεις των ιδρυτών, καθώς και τη ροή μετρητών που παράγεται από την επιχείρηση, χωρίς να βασίζεται σε εξωτερικούς επενδυτές ή δάνεια. Τονίζεται η αυτονομία και η εφευρετικότητα, επιτρέποντας στους επιχειρηματίες να διατηρούν τον πλήρη έλεγχο της εταιρείας τους. Η μαζική χρηματοδότηση χρησιμοποιείται συχνά στα πρώτα στάδια μιας νεοφυούς επιχείρησης, όταν η πρόσβαση σε χρηματοδότηση είναι περιορισμένη.</t>
  </si>
  <si>
    <t>Μικρά αρχεία κειμένου που αποθηκεύονται στη συσκευή ενός χρήστη από έναν διαδικτυακό περιηγητή όταν επισκέπτεται μια ιστοσελίδα. Χρησιμοποιούνται για να θυμούνται πληροφορίες σχετικά με την επίσκεψη του χρήστη, όπως λεπτομέρειες σύνδεσης, προτιμήσεις και περιεχόμενο καλάθι αγορών. Τα cookies βοηθούν στη βελτίωση της εμπειρίας του χρήστη, επιτρέποντας στις ιστοσελίδες να αναγνωρίζουν τους επισκέπτες που επιστρέφουν και να παρέχουν μια πιο εξατομικευμένη εμπειρία περιήγησης. Υπάρχουν διάφοροι τύποι cookies, συμπεριλαμβανομένων των session cookies (που είναι προσωρινά και λήγουν μόλις κλείσει ο περιηγητής) και των persistent cookies (που παραμένουν στη συσκευή για μια καθορισμένη περίοδο ή μέχρι να διαγραφούν).</t>
  </si>
  <si>
    <t>Μαζική Χρηματοδότηση (Crowdfunding)</t>
  </si>
  <si>
    <t>Μέθοδος συγκέντρωσης κεφαλαίων μέσω της συλλογικής προσπάθειας ενός μεγάλου αριθμού ατόμων, συνήθως μέσω διαδικτυακών πλατφορμών. Δίνει τη δυνατότητα σε επιχειρηματίες και νεοφυείς επιχειρήσεις να παρουσιάσουν τα έργα ή τις επιχειρηματικές τους ιδέες σε πιθανούς επενδυτές ή δωρητές, οι οποίοι μπορούν να συμβάλουν με μικρά ποσά χρημάτων για την υποστήριξη της επιχείρησης. Η μαζική χρηματοδότηση μπορεί να πάρει διάφορες μορφές, συμπεριλαμβανομένης της χρηματοδότησης μέσω ανταμοιβών, της χρηματοδότησης μετοχών, της δωρεάς και της δανειοδότησης.</t>
  </si>
  <si>
    <t xml:space="preserve">Διεξοδικός Έλεγχος (Due Diligence) </t>
  </si>
  <si>
    <t>Διαδικασία αξιολόγησης μιας εταιρείας, ενός επενδυτικού σχεδίου ή μιας άλλης συναλλαγής προτού ολοκληρωθεί η συμφωνία. Η διαδικασία αυτή περιλαμβάνει τη συλλογή και ανάλυση πληροφοριών για την οικονομική κατάσταση, τη νομική κατάσταση, τις οικονομικές και διοικητικές πρακτικές, τους κινδύνους και άλλους σημαντικούς παράγοντες, προκειμένου να διασφαλιστεί ότι δεν υπάρχουν κρυφοί κίνδυνοι ή απροσδόκητα προβλήματα.</t>
  </si>
  <si>
    <t xml:space="preserve">Εκχώρηση απαιτήσεων (Factoring) </t>
  </si>
  <si>
    <t>Χρηματοοικονομική υπηρεσία κατά την οποία μια επιχείρηση πωλεί τα ανοιχτά της τιμολόγια (λογαριασμούς απαιτήσεων) σε μια τρίτη εταιρεία, γνωστή ως factor, προκειμένου να εξασφαλίσει άμεση ρευστότητα. Αντί να περιμένει την πληρωμή από τους πελάτες της, η επιχείρηση μπορεί να λάβει ένα ποσοστό του ποσού του τιμολογίου αμέσως, ενώ το υπόλοιπο ποσό καταβάλλεται μετά την είσπραξη του τιμολογίου από την εταιρεία factoring. Αυτή η διαδικασία επιτρέπει στις επιχειρήσεις να βελτιώσουν την ταμειακή τους ροή, μειώνοντας τις καθυστερήσεις πληρωμών.</t>
  </si>
  <si>
    <t>Θερμοκοιτίδες (Incubator)</t>
  </si>
  <si>
    <t>Οργανισμός ή πρόγραμμα που έχει στόχο να βοηθήσει τις νεοφυείς επιχειρήσεις και τις επιχειρήσεις σε πρώιμο στάδιο να αναπτυχθούν και να εξελιχθούν. Παρέχει υποστήριξη με τη μορφή χρηματοδότησης, καθοδήγησης, γραφειακού χώρου, ευκαιριών δικτύωσης και πρόσβασης σε πόρους όπως νομική και εμπορική υποστήριξη. Ο στόχος ενός επιταχυντή είναι να υποστηρίξει τις επιχειρήσεις κατά τα πρώτα στάδια της ανάπτυξής τους, βοηθώντας τις να βελτιώσουν τα προϊόντα ή τις υπηρεσίες τους, να δημιουργήσουν παρουσία στην αγορά και τελικά να γίνουν αυτοσυντηρούμενες. Οι επιταχυντές συνήθως επικεντρώνονται σε συγκεκριμένους κλάδους ή τομείς, όπως η τεχνολογία, η υγειονομική περίθαλψη ή η κοινωνική επιχειρηματικότητα.</t>
  </si>
  <si>
    <t>Ελάχιστο Βιώσιμο Προϊόν (MVP)</t>
  </si>
  <si>
    <t>Η αρχική έκδοση ενός προϊόντος που περιέχει τις βασικές λειτουργίες του, ακριβώς αρκετές για να λύσει ένα βασικό πρόβλημα και να επιτρέψει την αρχική του χρήση από το κοινό. Ο στόχος είναι να λάβει το προϊόν άμεσα ανατροφοδότηση από τους πρώτους χρήστες, ώστε να επιβεβαιωθεί η αποδοχή του και να κατανοηθούν οι ανάγκες του κοινού.</t>
  </si>
  <si>
    <t xml:space="preserve">Επενδυτική παρουσίαση (Pitch) </t>
  </si>
  <si>
    <t>Σύντομη και πειστική παρουσίαση που χρησιμοποιείται για την προσέλκυση επενδυτών ή συνεργατών. Συνήθως περιλαμβάνει το πρόβλημα, τη προτεινόμενη λύση, το επιχειρηματικό μοντέλο, την αγορά στόχο και τις χρηματοοικονομικές προβλέψεις. Μια καλοδουλεμένη παρουσίαση είναι ζωτικής σημασίας για την εξασφάλιση χρηματοδότησης.</t>
  </si>
  <si>
    <t>Απόδειξη Ιδέας [Proof of Concept (POC)]</t>
  </si>
  <si>
    <t>Μικρής κλίμακας διαδικασία που χρησιμοποιείται για να προσδιορίσει εάν μία ιδέα, έργο ή προϊόν μπορεί να εφαρμοστεί με επιτυχία στην πράξη. Είναι ένα κρίσιμο βήμα, ιδιαίτερα στην καινοτομία και την ανάπτυξη τεχνολογιών, καθώς βοηθά στην επαλήθευση της δυνατότητας μιας λύσης ή ενός προϊόντος να εκπληρώσει τους στόχους του πριν από την πλήρη ανάπτυξή του. Συνήθως χρησιμοποιείται για την αξιολόγηση της τεχνικής δυνατότητας, της χρηστικότητας ή του ενδιαφέροντος της αγοράς, κυρίως σε τομείς όπως η ανάπτυξη λογισμικού, η μηχανική και η επιστημονική έρευνα.</t>
  </si>
  <si>
    <t xml:space="preserve">Αγορά Παραγώγων </t>
  </si>
  <si>
    <t>Mια χρηματοοικονομική αγορά όπου διαπραγματεύονται παράγωγα χρηματοοικονομικά προϊόντα. Τα παράγωγα είναι χρηματοπιστωτικά εργαλεία που αντλούν την αξία τους από ένα υποκείμενο περιουσιακό στοιχείο, όπως μετοχές, εμπορεύματα, νομίσματα ή δείκτες. Τα πιο συνηθισμένα παράγωγα είναι τα συμβόλαια μελλοντικής εκπλήρωσης (futures), τα δικαιώματα προαίρεσης (options), και τα συμβόλαια ανταλλαγής (swaps). Η αγορά παραγώγων επιτρέπει στους επενδυτές να αντισταθμίσουν κινδύνους, να κερδοσκοπήσουν ή να διασφαλίσουν μελλοντικές τιμές σε διάφορα περιουσιακά στοιχεία.</t>
  </si>
  <si>
    <t xml:space="preserve">Άδεια Εισαγωγής /Εξαγωγής </t>
  </si>
  <si>
    <t>Διοικητικό έγγραφο που απαιτείται για την εισαγωγή ή εξαγωγή αγαθών μεταξύ χωρών. Χορηγείται από τις αρμόδιες εθνικές ή διεθνείς αρχές και διασφαλίζει τη συμμόρφωση με τους κανονισμούς για την προστασία της οικονομίας, της ασφάλειας και του περιβάλλοντος. Οι άδειες εισαγωγής/εξαγωγής χρησιμοποιούνται για να ελέγχουν τη ροή εμπορευμάτων, να επιβάλουν περιορισμούς και να συλλέγουν δασμούς ή φόρους σε συγκεκριμένα προϊόντα.</t>
  </si>
  <si>
    <t>Αντιλογισμός</t>
  </si>
  <si>
    <t>Διαδικασία ακύρωσης ή διόρθωσης ενός λογιστικού εγγραφής ή συναλλαγής, η οποία έχει καταγραφεί λάθος ή έχει γίνει με λάθος δεδομένα. Συνήθως, γίνεται όταν υπάρχει ανάγκη να διορθωθεί μια καταχώρηση για να συμφωνήσει με τις πραγματικές συνθήκες ή να διορθωθεί κάποιο λάθος στα οικονομικά στοιχεία μιας επιχείρησης. Ο αντιλογισμός περιλαμβάνει τη δημιουργία νέων καταχωρήσεων που αντιστρέφουν ή διορθώνουν τις προηγούμενες.</t>
  </si>
  <si>
    <t>Αντισυμβαλλόμενος</t>
  </si>
  <si>
    <t>Φυσικό ή νομικό πρόσωπο με το οποίο συνάπτεται μια σύμβαση ή συμφωνία. Πρόκειται για το άλλο μέρος της σύμβασης, το οποίο είναι υποχρεωμένο να εκπληρώσει τις όρους της σύμβασης σύμφωνα με τις συμφωνίες που έχουν καθοριστεί. Στον τομέα των επιχειρήσεων, οι αντισυμβαλλόμενοι μπορούν να είναι προμηθευτές, πελάτες, συνεργάτες ή άλλες οντότητες που συμμετέχουν σε εμπορικές συμφωνίες.</t>
  </si>
  <si>
    <t>Αξιολόγηση Πιστωτικού Κινδύνου</t>
  </si>
  <si>
    <t>Εκτίμηση της ικανότητας ενός ατόμου, εταιρείας ή κράτους να εξοφλήσει τα χρέη του, με βάση την ιστορία πληρωμών και τις οικονομικές του συνθήκες. Αυτή η αξιολόγηση δίνεται συνήθως από ειδικούς οργανισμούς πιστοληπτικής αξιολόγησης, οι οποίοι χρησιμοποιούν ένα σύστημα βαθμολογίας για να καθορίσουν τον κίνδυνο αθέτησης πληρωμής. Η πιστοληπτική ικανότητα επηρεάζει άμεσα τις συνθήκες δανεισμού, όπως τα επιτόκια και οι όροι των δανείων.</t>
  </si>
  <si>
    <t>Απαλλαγή</t>
  </si>
  <si>
    <t>Μείωση ή κατάργηση ενός χρηματικού ποσού, φόρου ή υποχρέωσης, συνήθως από φορολογική ή οικονομική άποψη. Σε περιπτώσεις φορολογίας, η απαλλαγή σημαίνει τη μείωση ή εξάλειψη των φόρων που πρέπει να πληρωθούν από ένα άτομο ή μια επιχείρηση, συχνά για να ενθαρρυνθεί η οικονομική δραστηριότητα ή για να επιτευχθούν κοινωνικοί στόχοι, όπως η προστασία του περιβάλλοντος ή η ενίσχυση συγκεκριμένων κλάδων.</t>
  </si>
  <si>
    <t xml:space="preserve">Απογραφή </t>
  </si>
  <si>
    <t>Διαδικασία καταγραφής, καταμέτρησης και αξιολόγησης των περιουσιακών στοιχείων, των υποχρεώσεων και των λοιπών στοιχείων μιας επιχείρησης, μιας χώρας ή ενός οργανισμού σε μια συγκεκριμένη χρονική στιγμή. Η απογραφή χρησιμοποιείται για την απόκτηση ακριβών και ενημερωμένων δεδομένων που αφορούν την οικονομική κατάσταση και την αποτίμηση της αξίας των περιουσιακών στοιχείων.</t>
  </si>
  <si>
    <t>Απόδοση Επένδυσης</t>
  </si>
  <si>
    <t>Χρηματοοικονομικός δείκτης  που χρησιμοποιείται για να αξιολογήσει την αποτελεσματικότητα μιας επένδυσης. Υπολογίζεται διαιρώντας το κέρδος από την επένδυση με το κόστος της και εκφράζεται συνήθως ως ποσοστό.
Υπολογισμός 
Απόδοση Επένδυσης = (Κέρδος επένδυσης- Κόστος επένδυσης)/Κόστος επένδυσης. 
Αν η επένδυση δεν έχει θετικό πρόσημο ή άν υπάρχουν άλλες επενδύσεις με υψηλότερη απόδοση, τότε η επένδυση δεν πρέπει να πραγματοποιηθεί.</t>
  </si>
  <si>
    <t xml:space="preserve">Αποθεματικό </t>
  </si>
  <si>
    <t>Κεφάλαια ή περιουσιακά στοιχεία που έχουν διατεθεί από έναν οργανισμό ή κυβέρνηση για έναν συγκεκριμένο σκοπό, συχνά για μελλοντική χρήση ή έκτακτες ανάγκες. Στο χρηματοοικονομικό πλαίσιο, τα αποθεματικά είναι συνήθως συσσωρευμένα κέρδη ή αδιάθετα κέρδη που δεν διανέμονται στους μετόχους. Μπορούν επίσης να χρησιμοποιηθούν για την απορρόφηση πιθανών ζημιών, ως μέρος της στρατηγικής διαχείρισης κινδύνων μιας εταιρείας. Στην τραπεζική, τα αποθεματικά είναι το ποσοστό των καταθέσεων που πρέπει να διατηρούν οι τράπεζες ως αποθεματικό και να μην δανείζουν.</t>
  </si>
  <si>
    <t>Αποτελέσματα Χρήσης</t>
  </si>
  <si>
    <t>Η συνολική οικονομική απόδοση μιας εταιρείας για μια συγκεκριμένη οικονομική περίοδο, όπως καταγράφεται στις οικονομικές της καταστάσεις. Περιλαμβάνουν τα έσοδα, τα έξοδα και τα κέρδη ή τις ζημίες που προκύπτουν από τη λειτουργία της εταιρείας κατά την περίοδο αυτή. Τα αποτελέσματα χρήσης αντικατοπτρίζουν την καθαρή κερδοφορία ή ζημιογόνο δραστηριότητα της επιχείρησης και αποτελούν βασικό δείκτη της οικονομικής της υγείας.</t>
  </si>
  <si>
    <t>Ασφάλιστρο Κινδύνου</t>
  </si>
  <si>
    <t>Το χρηματοοικονομικό παράγωγο εργαλείο που επιτρέπει σε έναν επενδυτή να προστατευτεί από τον κίνδυνο αθέτησης πληρωμών από έναν οφειλέτη (π.χ. εταιρεία ή κράτος). Ο αγοραστής του CDS πληρώνει μία περιοδική αμοιβή (ασφάλιστρο) στον πωλητή, και σε αντάλλαγμα ο πωλητής αναλαμβάνει την υποχρέωση να καλύψει τις ζημιές που προκύπτουν από την αθέτηση πληρωμών του οφειλέτη. Αυτά τα συμβόλαια χρησιμοποιούνται συχνά για τη διαχείριση πιστωτικού κινδύνου και συχνά εφαρμόζονται σε κυβερνητικά ή εταιρικά χρεόγραφα.</t>
  </si>
  <si>
    <t>Βασικό επιτόκιο</t>
  </si>
  <si>
    <t>Επιτόκιο που καθορίζεται από μια κεντρική τράπεζα (όπως η Ευρωπαϊκή Κεντρική Τράπεζα ή η Κεντρική Τράπεζα της Ελλάδας) και το οποίο χρησιμεύει ως σημείο αναφοράς για τα επιτόκια των τραπεζικών δανείων και καταθέσεων. Συνήθως, το βασικό επιτόκιο καθορίζει τις συνθήκες του χρηματοοικονομικού τομέα και επηρεάζει το κόστος του χρήματος στην οικονομία. Είναι το επιτόκιο με το οποίο οι τράπεζες δανείζουν η μία την άλλη και μπορεί να επηρεάσει την οικονομική δραστηριότητα μέσω της αλλαγής της ζήτησης για δάνεια ή καταθέσεις</t>
  </si>
  <si>
    <t>Γραμμάτιο</t>
  </si>
  <si>
    <t>Σύμφωνα με το GDPR, οι οργανισμοί πρέπει να διασφαλίσουν ότι τα προσωπικά δεδομένα συλλέγονται με νόμιμο και ασφαλή τρόπο. Παρέχει δικαιώματα στους πολίτες, όπως το δικαίωμα πρόσβασης, διόρθωσης ή διαγραφής των δεδομένων τους, και επιβάλλει αυστηρές κυρώσεις σε επιχειρήσεις που παραβιάζουν αυτούς τους κανόνες. Ο κανονισμός αφορά οποιαδήποτε εταιρεία που επεξεργάζεται προσωπικά δεδομένα πολιτών της ΕΕ, ακόμα κι αν η εταιρεία εδρεύει εκτός της ΕΕ.</t>
  </si>
  <si>
    <t xml:space="preserve">Γυναικεία Επιχειρηματικότητα  </t>
  </si>
  <si>
    <t>Μια επιχείρηση που ανήκει τουλάχιστον κατά 51% σε μια ή περισσότερες γυναίκες, οι οποίες τη διαχειρίζονται και την ελέγχουν. Αυτή η κατηγορία είναι σημαντική, καθώς συχνά επιτρέπει στην επιχείρηση να πληροί προϋποθέσεις για διάφορες πιστοποιήσεις και προγράμματα που στοχεύουν στην προώθηση της ποικιλότητας στην αγορά. Οι επιχειρήσεις που ανήκουν σε γυναίκες μπορούν να βρεθούν σε όλους τους τομείς της οικονομίας και διαδραματίζουν κρίσιμο ρόλο στην προώθηση της ισότητας των φύλων, στην ενδυνάμωση των γυναικών επιχειρηματιών και στη συμβολή στην οικονομική ανάπτυξη. Πολλές δημόσιες και ιδιωτικές οργανώσεις προσφέρουν πόρους, χρηματοδότηση και υποστήριξη που είναι ειδικά προσαρμοσμένα για να βοηθήσουν τις επιχειρήσεις που ανήκουν σε γυναίκες να ευημερήσουν.</t>
  </si>
  <si>
    <t>Δασμοί</t>
  </si>
  <si>
    <t>Φόρος που επιβάλλεται από το κράτος στις εισαγωγές ή εξαγωγές προϊόντων. Στόχος του είναι συνήθως η ενίσχυση των εσόδων του κράτους, η προστασία της εγχώριας παραγωγής από τον ανταγωνισμό ξένων προϊόντων ή η ρύθμιση της αγοράς. Οι δασμοί μπορεί να είναι είτε ποσοστιαίοι, είτε ανάλογοι της αξίας ή της ποσότητας των προϊόντων.</t>
  </si>
  <si>
    <t xml:space="preserve">Δεδουλευμένοι Τόκοι </t>
  </si>
  <si>
    <t>Τόκος που έχει συσσωρευτεί αλλά δεν έχει καταβληθεί ακόμα σε έναν χρηματοοικονομικό τίτλο, όπως ομόλογα ή δάνεια. Αυτός ο τόκος υπολογίζεται για την περίοδο από την τελευταία ημερομηνία πληρωμής τόκων μέχρι την τρέχουσα ημερομηνία. Στον κόσμο των ομολόγων, για παράδειγμα, αν κάποιος αγοράσει ένα ομόλογο μεταξύ δύο ημερομηνιών πληρωμής, θα πρέπει να πληρώσει στον πωλητή το μέρος του τόκου που έχει συσσωρευτεί.</t>
  </si>
  <si>
    <t>Διαιτησία</t>
  </si>
  <si>
    <t>Μια εξωδικαστική διαδικασία επίλυσης διαφορών, στην οποία οι εμπλεκόμενοι μέρη συμφωνούν να αναθέσουν την επίλυση της διαφοράς τους σε έναν ή περισσότερους ουδέτερους τρίτους, τους διαιτητές. Η απόφαση του διαιτητή έχει νομική ισχύ και μπορεί να επιβληθεί στα μέρη με τον ίδιο τρόπο όπως μια δικαστική απόφαση. Η διαιτησία χρησιμοποιείται συχνά σε εμπορικές και εμπορικές διαφορές, προκειμένου να αποφεύγονται οι καθυστερήσεις και τα έξοδα των δικαστικών διαδικασιών.</t>
  </si>
  <si>
    <t xml:space="preserve">Διακύμανση </t>
  </si>
  <si>
    <t>Αλλαγή ή στη διαφορά των τιμών ενός στοιχείου ή ενός δείκτη κατά τη διάρκεια ενός χρονικού διαστήματος. Στην οικονομία και στις χρηματοοικονομικές αγορές, η διακύμανση χρησιμοποιείται για να περιγράψει την έκταση της μεταβολής στις τιμές των μετοχών, των νομισμάτων ή άλλων χρηματοοικονομικών προϊόντων.</t>
  </si>
  <si>
    <t xml:space="preserve">Διάσπαση Μετοχών </t>
  </si>
  <si>
    <t>Διαδικασία κατά την οποία μια εταιρεία αυξάνει τον αριθμό των μετοχών της, μειώνοντας ταυτόχρονα την ονομαστική αξία κάθε μετοχής. Αυτό συνήθως γίνεται για να καταστεί η μετοχή πιο προσιτή στους επενδυτές, χωρίς να αλλάζει η συνολική αξία του μετοχικού κεφαλαίου της εταιρείας. Για παράδειγμα, σε μια αναλογία 2 προς 1, κάθε επενδυτής που κατέχει μία μετοχή θα λάβει δύο, αλλά η αξία κάθε μετοχής θα μειωθεί στο μισό.</t>
  </si>
  <si>
    <t>Δικαιόχρηση</t>
  </si>
  <si>
    <t>Μια επιχειρηματική πρακτική στην οποία μια επιχείρηση (ο δικαιοπάροχος) παραχωρεί σε άλλες επιχειρήσεις (δικαιοδόχους) το δικαίωμα να χρησιμοποιούν το εμπορικό σήμα, τα προϊόντα ή τις υπηρεσίες της, καθώς και το επιχειρηματικό μοντέλο, υπό συγκεκριμένες προϋποθέσεις και για συγκεκριμένο χρονικό διάστημα. Οι δικαιοδόχοι καταβάλλουν συνήθως μια αρχική αμοιβή και τακτικά δικαιώματα (royalties) για την χρήση αυτών των δικαιωμάτων. Το franchising είναι συνήθως δημοφιλές σε τομείς όπως η εστίαση, το λιανικό εμπόριο και οι υπηρεσίες.</t>
  </si>
  <si>
    <t xml:space="preserve">Δημοσιονομικό Έλλειμα/Πλεόνασμα </t>
  </si>
  <si>
    <t>Κατάσταση όπου οι δαπάνες του κράτους υπερβαίνουν τα έσοδα του σε ένα συγκεκριμένο χρονικό διάστημα. Αυτό συνήθως οδηγεί σε αύξηση του δημόσιου χρέους, καθώς το κράτος χρειάζεται να δανειστεί για να καλύψει τη διαφορά. Από την άλλη, το δημοσιονομικό πλεόνασμα συμβαίνει όταν τα έσοδα του κράτους υπερβαίνουν τις δαπάνες του, κάτι που μπορεί να οδηγήσει σε μείωση του δημοσίου χρέους ή αύξηση των αποθεμάτων του κράτους.</t>
  </si>
  <si>
    <t xml:space="preserve">Εμπάργκο </t>
  </si>
  <si>
    <t>Μια πολιτική ή οικονομική απαγόρευση ή περιορισμός στις εμπορικές σχέσεις με μια χώρα ή ομάδα χωρών. Συνήθως επιβάλλεται από κράτη ή διεθνείς οργανισμούς ως μέτρο πίεσης για να εξαναγκάσουν μια κυβέρνηση ή ομάδα σε αλλαγή πολιτικής ή συμπεριφοράς. Τα εμπάργκο μπορεί να αφορούν το εμπόριο αγαθών, υπηρεσιών, ή χρηματοοικονομικές συναλλαγές και συχνά εφαρμόζονται σε περιπτώσεις παραβίασης διεθνών κανόνων ή ανθρωπίνων δικαιωμάτων.</t>
  </si>
  <si>
    <t>Εμπορεύματα</t>
  </si>
  <si>
    <t>Βασικά αγαθά ή πρώτες ύλες που χρησιμοποιούνται στο εμπόριο και είναι ανταλλάξιμα με άλλα αγαθά της ίδιας κατηγορίας. Αυτά περιλαμβάνουν φυσικούς πόρους όπως το πετρέλαιο, ο χρυσός και γεωργικά προϊόντα όπως το σιτάρι ή ο καφές. Τα εμπορεύματα συχνά διαπραγματεύονται σε εξειδικευμένα χρηματιστήρια, και οι τιμές τους καθορίζονται από τους παράγοντες προσφοράς και ζήτησης στην παγκόσμια αγορά.</t>
  </si>
  <si>
    <t>Προστατεύουν εμπιστευτικές επιχειρηματικές πληροφορίες που παρέχουν σε μια εταιρεία ανταγωνιστικό πλεονέκτημα, όπως φόρμουλες, διαδικασίες ή μέθοδοι. Σε αντίθεση με τα διπλώματα ευρεσιτεχνίας, τα εμπορικά απόρρητα δεν έχουν ημερομηνία λήξης, αρκεί να παραμένουν εμπιστευτικά. Προστατεύονται μέσω συμφωνιών εμπιστευτικότητας και άλλων νομικών μέτρων.</t>
  </si>
  <si>
    <t xml:space="preserve">Ενεργητικό (περιουσιακό στοιχείο) </t>
  </si>
  <si>
    <t>Το σύνολο των περιουσιακών στοιχείων που κατέχει μια εταιρεία ή ένα άτομο, τα οποία έχουν οικονομική αξία και μπορούν να χρησιμοποιηθούν για την απόκτηση μελλοντικών οικονομικών οφελών. Στο πλαίσιο των οικονομικών καταστάσεων, το ενεργητικό περιλαμβάνει υλικά και άυλα στοιχεία, όπως μετρητά, ακίνητα, εξοπλισμό, εμπορεύσιμα χρεόγραφα, και δικαιώματα πνευματικής ιδιοκτησίας.</t>
  </si>
  <si>
    <t>Έντοκα Γραμμάτια Δημοσίου</t>
  </si>
  <si>
    <t>Βραχυπρόθεσμα χρεωστικά μέσα που εκδίδει το ελληνικό δημόσιο για να αντλήσει κεφάλαια. Αυτά τα γραμμάτια πωλούνται σε επενδυτές σε τιμή χαμηλότερη από την ονομαστική τους αξία και εξοφλούνται στην πλήρη ονομαστική τους αξία κατά τη λήξη. Η διαφορά μεταξύ της τιμής πώλησης και της ονομαστικής αξίας αποτελεί το κέρδος του επενδυτή και αντιπροσωπεύει τον τόκο</t>
  </si>
  <si>
    <t>Εξαγορά</t>
  </si>
  <si>
    <t>Διαδικασία μέσω της οποίας μια εταιρεία αποκτά τον έλεγχο μιας άλλης, αγοράζοντας είτε το σύνολο είτε την πλειοψηφία των μετοχών της. Η εξαγορά μπορεί να πραγματοποιηθεί φιλικά ή εχθρικά, ανάλογα με τη συναίνεση της διοίκησης της εξαγοραζόμενης εταιρείας. Στόχος της είναι συνήθως η επέκταση των επιχειρηματικών δραστηριοτήτων, η πρόσβαση σε νέα αγορές ή τεχνολογίες, ή η βελτίωση της ανταγωνιστικής θέσης της εξαγοράζουσας εταιρείας.</t>
  </si>
  <si>
    <t>Επιταγή</t>
  </si>
  <si>
    <t>Χρηματοοικονομικό μέσο που εκδίδεται από τον κάτοχο ενός τραπεζικού λογαριασμού (εκδότης), με την εντολή προς την τράπεζά του να πληρώσει ένα καθορισμένο ποσό σε τρίτο πρόσωπο (δικαιούχο), ή στον ίδιο τον εκδότη, με την προϋπόθεση ότι υπάρχουν επαρκή διαθέσιμα στο λογαριασμό. Η επιταγή χρησιμοποιείται για πληρωμές χωρίς τη χρήση μετρητών και λειτουργεί ως μέσο διακανονισμού οικονομικών συναλλαγών. Ο δικαιούχος μπορεί να εισπράξει το ποσό ή να την μεταβιβάσει σε άλλους μέσω ένταξης της υπογραφής του.</t>
  </si>
  <si>
    <t>Επιτόκιο κατ’ανατοκισμό</t>
  </si>
  <si>
    <t>Επιτόκιο που υπολογίζεται όχι μόνο στο αρχικό κεφάλαιο αλλά και στους τόκους που έχουν ήδη συσσωρευτεί. Αυτός ο τύπος επιτοκίου επιτρέπει τη συνεχή αύξηση της επένδυσης ή του δανείου, καθώς ο τόκος προστίθεται στο κεφάλαιο σε συγκεκριμένες χρονικές περιόδους, δημιουργώντας έναν "ανατοκισμό" των τόκων.Υπολογισμός:
Επιτόκιο κατ’ανατοκισμό= (κεφάλαιο +δεδουλευμένος τόκος) x ετήσιο επιτόκιο
Παράδειγμα 
Εάν αποταμιεύσετε 1.000 Ευρώ το χρόνο με επιτόκιο 5% το χρόνο, τον πρώτο χρόνο θα εισπράξετε 100 σε τόκο τον πρώτο χρόνο και τον δεύτερο χρόνο θα εισπράξετε 52,5 Ευρώ. Συνολικά τα 2 χρόνια θα εισπράξετε 102,5 ευρώ σε τόκους.</t>
  </si>
  <si>
    <t xml:space="preserve">Ευρωπαική Κεντρική Τράπεζα </t>
  </si>
  <si>
    <t>Η κεντρική τράπεζα της Ευρωζώνης, η οποία είναι υπεύθυνη για τη νομισματική πολιτική των χωρών που έχουν υιοθετήσει το ευρώ ως εθνικό τους νόμισμα. Η ΕΚΤ έχει ως βασικό στόχο τη διατήρηση της σταθερότητας των τιμών, δηλαδή τον έλεγχο του πληθωρισμού, ώστε να προάγεται η οικονομική ανάπτυξη και η σταθερότητα στην περιοχή της Ευρωζώνης. Επίσης, η ΕΚΤ έχει ρόλο στην εποπτεία του χρηματοπιστωτικού συστήματος και την εφαρμογή των αποφάσεων του Συμβουλίου της Ευρωπαϊκής Κεντρικής Τράπεζας.</t>
  </si>
  <si>
    <t>Ευρωπαϊκός Μηχανισμός Σταθερότητας (ESM)</t>
  </si>
  <si>
    <t>Διεθνής χρηματοπιστωτικός οργανισμός που ιδρύθηκε το 2012 από τις χώρες της Ευρωζώνης για να παρέχει χρηματοδοτική στήριξη σε κράτη-μέλη που αντιμετωπίζουν σοβαρά οικονομικά προβλήματα και κινδυνεύουν με χρεοκοπία. Ο ΕΜΣ παρέχει κεφάλαια μέσω δανείων, αγοράς ομολόγων και άλλων χρηματοδοτικών εργαλείων, διασφαλίζοντας τη σταθερότητα της Ευρωζώνης. Η στήριξη του ΕΜΣ είναι συνήθως συνδεδεμένη με προγράμματα οικονομικών μεταρρυθμίσεων για τα κράτη που τη λαμβάνουν.</t>
  </si>
  <si>
    <t>Ευρωπαϊκό Ταμείο Χρηματοοικονομικής Σταθερότητας (EFSF)</t>
  </si>
  <si>
    <t>Προσωρινός μηχανισμός διάσωσης που ιδρύθηκε το 2010 από τις χώρες της Ευρωζώνης με σκοπό την παροχή χρηματοδοτικής στήριξης σε κράτη-μέλη που αντιμετώπιζαν οικονομικές κρίσεις. Το ΕΤΧΣ παρείχε κεφάλαια μέσω δανείων και άλλων μέσων και λειτουργούσε σε συνδυασμό με το Ευρωπαϊκό Ταμείο Σταθερότητας (EFSM) και το Διεθνές Νομισματικό Ταμείο (ΔΝΤ). Το ΕΤΧΣ σταμάτησε να εκδίδει νέες χρηματοδοτήσεις το 2013 και οι αρμοδιότητές του αντικαταστάθηκαν από τον Ευρωπαϊκό Μηχανισμό Σταθερότητας (ΕΜΣ).</t>
  </si>
  <si>
    <t>Ζήτηση</t>
  </si>
  <si>
    <t>Ποσότητα αγαθών ή υπηρεσιών που οι καταναλωτές είναι διατεθειμένοι και ικανοί να αγοράσουν σε συγκεκριμένες τιμές, σε μια δεδομένη χρονική στιγμή. Η ζήτηση επηρεάζεται από διάφορους παράγοντες, όπως η τιμή του προϊόντος, το εισόδημα των καταναλωτών, οι προτιμήσεις τους και οι τιμές των υποκατάστατων ή συμπληρωματικών αγαθών. Ο νόμος της ζήτησης αναφέρει ότι, γενικά, όταν η τιμή ενός αγαθού αυξάνεται, η ζήτηση για αυτό μειώνεται και αντίστροφα.</t>
  </si>
  <si>
    <t>Ιδια Κεφάλαια</t>
  </si>
  <si>
    <t xml:space="preserve">Κεφάλαια που ανήκουν στους μετόχους ή ιδιοκτήτες μιας επιχείρησης και αντιπροσωπεύουν τη διαφορά μεταξύ των συνολικών περιουσιακών στοιχείων και των υποχρεώσεων της επιχείρησης. Τα ίδια κεφάλαια περιλαμβάνουν το αρχικό κεφάλαιο που έχει επενδυθεί στην επιχείρηση, τα κέρδη που έχουν παρακρατηθεί και άλλες μορφές χρηματοδότησης που δεν απαιτούν επιστροφή. Είναι ένα μέτρο της χρηματοοικονομικής υγείας της επιχείρησης και δείχνει την αξία που θα απομείνει στους μετόχους εάν η επιχείρηση διαλύσει και πωλήσει τα περιουσιακά της στοιχεία για να καλύψει τις υποχρεώσεις της. </t>
  </si>
  <si>
    <t>Ισοζύγιο Τρεχουσών Συναλλαγών</t>
  </si>
  <si>
    <t>Ένα οικονομικό μέγεθος που καταγράφει τις συναλλαγές ενός κράτους με τον υπόλοιπο κόσμο, και περιλαμβάνει τις εξαγωγές και εισαγωγές αγαθών και υπηρεσιών, τις εισροές και εκροές εισοδημάτων από επενδύσεις και τις μεταβιβάσεις χρημάτων (όπως είναι οι διακρατικές πληρωμές για βοήθεια ή οι εμβάσματα). Το ισοζύγιο αυτό αναφέρεται στη γενική κατάσταση της οικονομίας ενός κράτους και δείχνει εάν η χώρα έχει πλεόνασμα ή έλλειμμα στις τρέχουσες συναλλαγές της.</t>
  </si>
  <si>
    <t>Ισολογισμός</t>
  </si>
  <si>
    <t>Οικονομική κατάσταση που αποτυπώνει τη χρηματοοικονομική θέση μιας επιχείρησης σε μια συγκεκριμένη χρονική στιγμή. Στο ισολογισμό καταγράφονται τα περιουσιακά στοιχεία, οι υποχρεώσεις και τα ίδια κεφάλαια της επιχείρησης. Αντιπροσωπεύει τη "δύναμη" της επιχείρησης να εξυπηρετεί τις υποχρεώσεις της και να επιτυγχάνει τους στρατηγικούς της στόχους, μέσω της ανάλυσης των στοιχείων του ενεργητικού και του παθητικού. Ο ισολογισμός χωρίζεται σε δύο μέρη: το ενεργητικό και το παθητικό, τα οποία πρέπει να ισούνται, εξ ου και ο όρος "ισολογισμός".</t>
  </si>
  <si>
    <t xml:space="preserve">Κέρδη πριν από Τόκους, Φόρους, Αποσβέσεις και Αποσβέσεις Αξιογράφων </t>
  </si>
  <si>
    <t>Χρηματοοικονομικός δείκτης που μετρά την αποδοτικότητα της επιχείρησης, εστιάζοντας στα λειτουργικά κέρδη της χωρίς να λαμβάνει υπόψη τα έξοδα που αφορούν τόκους, φόρους, αποσβέσεις και αποσβέσεις αξιογράφων. Το EBITDA χρησιμοποιείται για την αξιολόγηση της κερδοφορίας, καθώς απομονώνει την επιχειρησιακή αποδοτικότητα και την ικανότητα δημιουργίας μετρητών. Είναι ιδιαίτερα χρήσιμος για τη σύγκριση επιχειρήσεων στον ίδιο κλάδο, αφού εξαιρεί τις επιπτώσεις από αποφάσεις χρηματοδότησης και λογιστικής.</t>
  </si>
  <si>
    <t>Καταθέσεις Όψεως</t>
  </si>
  <si>
    <t>Καταθέσεις σε τραπεζικούς λογαριασμούς που επιτρέπουν στον καταθέτη να αναλαμβάνει ή να μεταφέρει χρήματα οποιαδήποτε στιγμή χωρίς περιορισμούς ή προειδοποίηση. Αυτού του είδους οι λογαριασμοί είναι συνήθως αφοσιωμένοι για καθημερινές συναλλαγές και δεν έχουν προθεσμία ή περιορισμό στην ποσότητα των αναλήψεων. Οι καταθέσεις όψεως είναι ευρέως χρησιμοποιούμενες για τη διαχείριση ρευστότητας και εσόδων, αλλά συνήθως δεν προσφέρουν τόκους ή προσφέρουν πολύ χαμηλούς τόκους.</t>
  </si>
  <si>
    <t>Καταθέσεις Ταμιευτηρίου</t>
  </si>
  <si>
    <t>Λογαριασμοί σε τράπεζες στους οποίους κατατίθεται ένα ποσό χρημάτων για να αποφέρει τόκους στον καταθέτη, με την προϋπόθεση ότι αυτά τα χρήματα δεν θα χρησιμοποιηθούν για άμεση ανάληψη ή πληρωμές. Αυτοί οι λογαριασμοί προσφέρουν χαμηλούς τόκους, αλλά παρέχουν ασφάλεια και εύκολη πρόσβαση στα χρήματα όταν είναι απαραίτητο. Συνήθως, ο καταθέτης δεν έχει τη δυνατότητα να κάνει πολλές συναλλαγές ή αναλήψεις, σε αντίθεση με άλλες μορφές λογαριασμών.</t>
  </si>
  <si>
    <t>Καταθέσεις Τρεχούμενων Λογαριασμών</t>
  </si>
  <si>
    <t>Τραπεζικοί λογαριασμοί που επιτρέπουν στους καταθέτες να κάνουν άμεσες και συνεχείς συναλλαγές, όπως καταθέσεις, αναλήψεις και μεταφορές χρημάτων. Αυτοί οι λογαριασμοί προορίζονται για καθημερινές χρηματικές ανάγκες και είναι ιδιαίτερα χρήσιμοι για τη διαχείριση εσόδων και εξόδων. Η πρόσβαση στα χρήματα είναι συνήθως άμεση, χωρίς περιορισμούς, και δεν αποφέρουν συνήθως τόκους ή αποδίδουν μικρούς τόκους σε σύγκριση με άλλους τύπους καταθέσεων</t>
  </si>
  <si>
    <t>Καταστατικό</t>
  </si>
  <si>
    <t>Επίσημο έγγραφο που καθορίζει τις βασικές αρχές, τους στόχους, τις δομές και τη λειτουργία ενός οργανισμού, εταιρείας ή συλλόγου. Περιλαμβάνει τους κανόνες και τις διαδικασίες που ρυθμίζουν τη διοίκηση, τη λήψη αποφάσεων και τη λειτουργία της οντότητας, όπως η σύσταση της, τα δικαιώματα και οι υποχρεώσεις των μελών της, καθώς και άλλες σημαντικές πτυχές της οργανωτικής της λειτουργίας. Συνήθως, το καταστατικό αποτελεί τη νομική βάση για τη σύσταση και τη λειτουργία του οργανισμού.</t>
  </si>
  <si>
    <t>Κεφάλαια Αντιστάθμισης Κινδύνου</t>
  </si>
  <si>
    <t>Επενδυτικά ταμεία που χρησιμοποιούν διάφορες στρατηγικές και τεχνικές για να προστατευτούν από τους κινδύνους της αγοράς και να επιτύχουν υψηλές αποδόσεις. Οι στρατηγικές περιλαμβάνουν τη χρήση δανεισμού, τη συμμετοχή σε σύνθετες χρηματοοικονομικές συναλλαγές, καθώς και την εξασφάλιση (hedging) έναντι των κινδύνων. Τα κεφάλαια αυτά συνήθως απευθύνονται σε επενδυτές με υψηλές χρηματοοικονομικές δυνατότητες και απαιτούν μεγαλύτερη διαχείριση κινδύνου σε σχέση με άλλα επενδυτικά ταμεία.</t>
  </si>
  <si>
    <t>Κεφαλαιακός Κίνδυνος</t>
  </si>
  <si>
    <t>Κίνδυνος που σχετίζεται με την πιθανότητα απώλειας του αρχικού κεφαλαίου που επενδύθηκε σε μια χρηματοοικονομική συναλλαγή ή επένδυση. Είναι ο κίνδυνος ότι ο επενδυτής μπορεί να χάσει το ποσό της επένδυσής του λόγω αρνητικών κινήσεων στην αγορά ή κακής απόδοσης του ενεργητικού. Ο κίνδυνος αυτός είναι ιδιαίτερα σημαντικός για επενδύσεις που δεν παρέχουν εγγυήσεις ή εξασφαλίσεις.</t>
  </si>
  <si>
    <t>Λογιστική Αξία</t>
  </si>
  <si>
    <t>Η αξία του περιουσιακού στοιχείου όπως καταγράφεται στα βιβλία της επιχείρησης, βάσει των αρχών της λογιστικής. Αντίθετα από την αγοραία αξία, η λογιστική αξία υπολογίζεται ως η αξία κτήσης του περιουσιακού στοιχείου μείον την αποσβέσεις (σε περίπτωση υλικών αγαθών) ή μείον τις ζημίες απομείωσης, εάν υπάρχουν. Η λογιστική αξία χρησιμοποιείται για να προσδιοριστεί η αξία του στοιχείου σε σχέση με τη φορολογία και τα οικονομικά αποτελέσματα μιας επιχείρησης.</t>
  </si>
  <si>
    <t>Μοντέλο υπολογιστικού νέφους όπου εφαρμογές λογισμικού φιλοξενούνται από έναν πάροχο υπηρεσιών και είναι διαθέσιμες στους πελάτες μέσω διαδικτύου. Αντί να εγκαθιστούν και να συντηρούν λογισμικό σε κάθε συσκευή, οι χρήστες μπορούν να έχουν πρόσβαση στις εφαρμογές με συνδρομή μέσω ενός περιηγητή. Αυτό το μοντέλο προσφέρει ευελιξία, καθώς επιτρέπει στους χρήστες να προσαρμόζουν τη χρήση τους, να έχουν πρόσβαση στο λογισμικό από οποιαδήποτε συσκευή με σύνδεση στο διαδίκτυο και να μειώνουν τα έξοδα που σχετίζονται με εξοπλισμό και συντήρηση.</t>
  </si>
  <si>
    <t xml:space="preserve">Μαζική Χρηματοδότηση </t>
  </si>
  <si>
    <t>Μέρισμα</t>
  </si>
  <si>
    <t>Χρηματικό ποσό που καταβάλλει μία εταιρεία στους μετόχους της, συνήθως ως ποσοστό από τα καθαρά κέρδη της. Το μέρισμα αντιπροσωπεύει την απόδοση της επένδυσης στους μετόχους και μπορεί να καταβάλλεται μετρητά ή σε μορφή επιπλέον μετοχών. Το ύψος του μερίσματος εξαρτάται από την πολιτική της εταιρείας και την οικονομική της κατάσταση. Είναι συχνά ένας τρόπος για την εταιρεία να μοιραστεί τα κέρδη της με τους μετόχους της.</t>
  </si>
  <si>
    <t xml:space="preserve">Μετατρέψιμο Ομόλογο </t>
  </si>
  <si>
    <t>Μορφή βραχυπρόθεσμου χρέους που μετατρέπεται σε ίδια κεφάλαια, συνήθως σε συνδυασμό με μελλοντική χρηματοδότηση. Επιτρέπει στις startups να αντλούν κεφάλαια χωρίς να ορίζουν άμεσα μια αποτίμηση.</t>
  </si>
  <si>
    <t>Μετοχή</t>
  </si>
  <si>
    <t>Καταβολή κερδών από μια εταιρεία στους μετόχους της μέσω της έκδοσης νέων μετοχών, αντί να καταβάλλονται μετρητά. Αυτό το είδος μερίσματος επιτρέπει στους μετόχους να αυξήσουν τη συμμετοχή τους στην εταιρεία χωρίς να χρειάζεται να αγοράσουν επιπλέον μετοχές. Η κατανομή του μερίσματος μετοχής χρησιμοποιείται συχνά όταν η εταιρεία θέλει να κρατήσει τα μετρητά για αναπτυξιακούς ή άλλους σκοπούς, αλλά θέλει ταυτόχρονα να ανταμείψει τους μετόχους της.</t>
  </si>
  <si>
    <t>Μετοχικό Κεφάλαιο</t>
  </si>
  <si>
    <t>Ποσό χρημάτων που καταβάλλεται από τους μετόχους για την απόκτηση μετοχών μιας ανώνυμης εταιρείας. Το μετοχικό κεφάλαιο αποτελεί τον αρχικό χρηματοδοτικό πόρο της εταιρείας και χρησιμεύει ως εγγύηση για τους πιστωτές της εταιρείας σε περίπτωση οικονομικών δυσχερειών. Η αύξηση ή μείωση του μετοχικού κεφαλαίου απαιτεί απόφαση της γενικής συνέλευσης των μετόχων και καταχώρηση στο εμπορικό μητρώο.</t>
  </si>
  <si>
    <t xml:space="preserve">Μη εξυπηρετούμενο Δάνειο </t>
  </si>
  <si>
    <t>Ένα δάνειο γίνεται μη εξυπηρετούμενο όταν υπάρχουν ενδείξεις ότι ο δανειολήπτης είναι απίθανο να αποπληρώσει το δάνειο ή έχει να καταβάλλει τις συμφωνηθείσες δόσεις πάνω από 90 ημέρες. Αυτό μπορεί να συμβεί όταν το άτομο μείνει άνεργο και άρα δεν μπορεί να αποπληρώσει το στεγαστικό του δάνειο όπως έχει συμφωνηθεί ή όταν μια επιχείρηση αντιμετωπίζει οικονομικές δυσκολίες.</t>
  </si>
  <si>
    <t>Μηχανισμός Έκτακτης Ρευστότητας (ELA)</t>
  </si>
  <si>
    <t>Μέσο που παρέχεται από την κεντρική τράπεζα μιας χώρας για τη διασφάλιση προσωρινής ρευστότητας σε εμπορικές τράπεζες όταν δεν έχουν πρόσβαση στη συνήθη χρηματοδότηση λόγω έκτακτων οικονομικών συνθηκών. Στην Ευρωζώνη, ο ΜΕΡ παρέχεται από τις εθνικές κεντρικές τράπεζες σε συνεργασία με την Ευρωπαϊκή Κεντρική Τράπεζα (ΕΚΤ) και χρησιμοποιείται όταν μια τράπεζα αντιμετωπίζει πιεστικές ανάγκες ρευστότητας, αλλά δεν μπορεί να καλύψει τα κριτήρια της ΕΚΤ για δανεισμό.</t>
  </si>
  <si>
    <t>Υβριδική μορφή χρηματοδότησης που συνδυάζει στοιχεία δανεισμού και μετοχικού κεφαλαίου. Συνήθως χρησιμοποιείται για τη χρηματοδότηση της επέκτασης υφιστάμενων εταιρειών και κατατάσσεται ανάμεσα στον παραδοσιακό δανεισμό (όπως τραπεζικά δάνεια) και το μετοχικό κεφάλαιο στη δομή του κεφαλαίου. Η χρηματοδότηση mezzanine περιλαμβάνει συχνά δευτερεύον χρέος ή προνομιούχες μετοχές, που σημαίνει ότι αποπληρώνεται μόνο αφού εξοφληθούν οι κύριες οφειλές σε περίπτωση ρευστοποίησης. Οι επενδυτές σε mezzanine μπορεί να λαμβάνουν πληρωμές τόκων και να έχουν τη δυνατότητα να μετατρέψουν την επένδυσή τους σε μετοχικό κεφάλαιο της εταιρείας, καθιστώντας την μια ευέλικτη αλλά υψηλότερου ρίσκου μορφή κεφαλαίου.</t>
  </si>
  <si>
    <t>Ονομαστική Αξία</t>
  </si>
  <si>
    <t>Αξία που αναγράφεται στο χρηματοοικονομικό εργαλείο (όπως μια μετοχή ή ένα ομόλογο) κατά την έκδοσή του. Στα ομόλογα, η ονομαστική αξία είναι το ποσό που ο εκδότης του ομολόγου υπόσχεται να επιστρέψει στον κάτοχο του ομολόγου κατά την ωρίμανση, εκτός από τους τόκους. Στις μετοχές, η ονομαστική αξία είναι το ποσό που αποδίδεται σε κάθε μετοχή κατά την έκδοση και συνήθως δεν σχετίζεται με την τρέχουσα αξία της μετοχής στην αγορά</t>
  </si>
  <si>
    <t>Παθητικό</t>
  </si>
  <si>
    <t>Το παθητικό αναφέρεται στις υποχρεώσεις και τα χρέη μιας επιχείρησης ή οργανισμού. Συμπεριλαμβάνει οποιεσδήποτε πληρωμές που οφείλονται σε τρίτους, όπως δάνεια, χρέη προς προμηθευτές, φόρους που εκκρεμούν και άλλες οικονομικές υποχρεώσεις. Το παθητικό αποτελεί μέρος του ισολογισμού μιας επιχείρησης και δείχνει πόσα χρήματα η επιχείρηση οφείλει στους πιστωτές της</t>
  </si>
  <si>
    <t>Υποχρεώσεις</t>
  </si>
  <si>
    <t>Οικονομικά καθήκοντα ή χρέη που έχει αναλάβει μια επιχείρηση ή ένας οργανισμός, τα οποία πρέπει να εξοφληθούν σε μελλοντικό χρόνο. Αυτός ο όρος περιλαμβάνει το σύνολο των χρηματοοικονομικών και νομικών δεσμεύσεων της εταιρείας, όπως δάνεια, πληρωμές προμηθευτών, φόρους, αποζημιώσεις και άλλες οφειλές που απαιτούν αποπληρωμή.</t>
  </si>
  <si>
    <t>Οικογενειακά Γραφεία</t>
  </si>
  <si>
    <t>Ιδιωτικές εταιρείες διαχείρισης πλούτου που εξυπηρετούν εξαιρετικά πλούσιους ανθρώπους ή οικογένειες. Παρέχουν μια σειρά υπηρεσιών προσαρμοσμένων για να καλύψουν τις συγκεκριμένες ανάγκες των πλούσιων οικογενειών, συμπεριλαμβανομένης της διαχείρισης επενδύσεων, του οικονομικού σχεδιασμού, της βελτιστοποίησης φορολογίας, του σχεδιασμού κληρονομιάς, της συμβουλευτικής φιλανθρωπίας και των υπηρεσιών concierge. Τα οικογενειακά γραφεία μπορούν να κατηγοριοποιηθούν σε γραφεία μίας οικογένειας (Single-Family Offices - SFOs), που εξυπηρετούν μια πλούσια οικογένεια, και γραφεία πολλών οικογενειών (Multi-Family Offices - MFOs), που διαχειρίζονται τον πλούτο πολλών οικογενειών. Ο κύριος στόχος ενός οικογενειακού γραφείου είναι η διατήρηση και η ανάπτυξη του πλούτου της οικογένειας σε βάθος γενεών, ενώ αντιμετωπίζει τις μοναδικές προκλήσεις που συνδέονται με τη διαχείριση σημαντικών περιουσιακών στοιχείων.</t>
  </si>
  <si>
    <t>Οικονομία κλίμακας</t>
  </si>
  <si>
    <t>Φαινόμενο κατά το οποίο η μέση κόστος παραγωγής ενός αγαθού ή υπηρεσίας μειώνεται καθώς η παραγωγή αυξάνεται. Αυτό συμβαίνει επειδή οι μεγαλύτερες ποσότητες παραγωγής επιτρέπουν την κατανομή του κόστους σε περισσότερες μονάδες, μειώνοντας το κόστος ανά μονάδα. Στην πράξη, οι οικονομίες κλίμακας προκύπτουν από τη βελτίωση της παραγωγικότητας, τη χρήση τεχνολογίας και την εκμετάλλευση του μεγέθους για τη μείωση των γενικών δαπανών.</t>
  </si>
  <si>
    <t>Ομόλογο</t>
  </si>
  <si>
    <t>Τίτλος χρέους που εκδίδει μία επιχείρηση, οργανισμός ή κράτος για να δανειστεί χρήματα από επενδυτές. Ο κάτοχος του ομολόγου είναι ουσιαστικά δανειστής και έχει το δικαίωμα να λάβει τακτικά τόκους (γνωστούς ως κουπόνι) για τη διάρκεια της λήξης του ομολόγου, καθώς και την επιστροφή της ονομαστικής αξίας του ομολόγου στην λήξη του. Τα ομόλογα χρησιμοποιούνται ως μέσο χρηματοδότησης και έχουν διάφορες κατηγορίες, όπως κρατικά, εταιρικά, και δημοτικά.</t>
  </si>
  <si>
    <t>Ομόρρυθμη Εταιρεία</t>
  </si>
  <si>
    <t>Εταιρεία στην οποία όλοι οι εταίροι ευθύνονται αλληλέγγυα και απεριόριστα για τις υποχρεώσεις της επιχείρησης. Όλοι οι εταίροι συμμετέχουν στη διοίκηση και στη λήψη αποφάσεων και η ευθύνη τους για τα χρέη της εταιρείας είναι ατομική και απεριόριστη, δηλαδή μπορούν να αντιμετωπίσουν νομικές απαιτήσεις με προσωπική τους περιουσία. Η ομορυθμη εταιρεία έχει μεγαλύτερη ευελιξία από τις ανώνυμες εταιρείες, αλλά ταυτόχρονα οι εταίροι αναλαμβάνουν μεγαλύτερο κίνδυνο</t>
  </si>
  <si>
    <t>Παραστατικό</t>
  </si>
  <si>
    <t>Επίσημο έγγραφο που εκδίδεται για να πιστοποιήσει μια εμπορική ή οικονομική συναλλαγή. Χρησιμοποιείται συχνά για την απόδειξη των πωλήσεων αγαθών ή υπηρεσιών και περιλαμβάνει πληροφορίες όπως τα στοιχεία των εμπλεκόμενων μερών, το ποσό της συναλλαγής, και τυχόν φόρους. Παραδείγματα παραστατικών είναι τα τιμολόγια, οι αποδείξεις και τα δελτία αποστολής.</t>
  </si>
  <si>
    <t>Περίοδος Χάριτος</t>
  </si>
  <si>
    <t>Χρονικό διάστημα κατά το οποίο ο δανειολήπτης ή ο οφειλέτης δεν είναι υποχρεωμένος να καταβάλλει δόσεις ή τόκους σε ένα δάνειο ή χρέος, χωρίς να επιβάλλονται ποινές ή πρόσθετες χρεώσεις. Συνήθως, η περίοδος χάριτος παρέχεται στην αρχή του δανείου ή σε περιόδους οικονομικών δυσκολιών για να διευκολυνθεί ο οφειλέτης.</t>
  </si>
  <si>
    <t>Πιστωτής</t>
  </si>
  <si>
    <t>Άτομο ή ο οργανισμός που παρέχει πίστωση ή δάνειο σε έναν οφειλέτη, περιμένοντας να αποπληρωθεί το ποσό που δόθηκε, είτε με την καταβολή ενός ποσού είτε με άλλους όρους. Ο πιστωτής συνήθως έχει το δικαίωμα να απαιτήσει την αποπληρωμή του δανείου σύμφωνα με τις συμφωνημένες προϋποθέσεις.</t>
  </si>
  <si>
    <t>Πιστωτικό γεγονός</t>
  </si>
  <si>
    <t>Κατάσταση ή γεγονός που ενεργοποιεί την πληρωμή ή την αποπληρωμή χρέους, όπως η αθέτηση μιας υποχρέωσης από τον οφειλέτη ή η ρύθμιση των όρων ενός δανείου. Συχνά, αυτά τα γεγονότα περιλαμβάνουν την καθυστέρηση πληρωμής, την πτώχευση ή άλλες διαδικασίες που επηρεάζουν τη χρηματοοικονομική κατάσταση του οφειλέτη και την αποπληρωμή των χρεών.</t>
  </si>
  <si>
    <t>Πληθωρισμός</t>
  </si>
  <si>
    <t>Φαινόμενο της γενικής αύξησης των τιμών των αγαθών και υπηρεσιών σε μία οικονομία, που οδηγεί σε μείωση της αγοραστικής δύναμης του νομίσματος. Όταν ο πληθωρισμός είναι υψηλός, το χρήμα χάνει την αξία του και οι καταναλωτές χρειάζονται περισσότερα χρήματα για να αγοράσουν τα ίδια αγαθά και υπηρεσίες. Οι κύριοι παράγοντες που επηρεάζουν τον πληθωρισμό περιλαμβάνουν τη ζήτηση και προσφορά αγαθών, τις παραγωγικές δαπάνες, τις πολιτικές του κεντρικού τραπεζικού συστήματος και τις διεθνείς οικονομικές συνθήκες.</t>
  </si>
  <si>
    <t>Πνευματικά Δικαιώματα</t>
  </si>
  <si>
    <t>Προστατεύουν τα πρωτότυπα έργα δημιουργίας, όπως λογοτεχνικά, καλλιτεχνικά, μουσικά και ψηφιακά έργα. Παρέχουν στον δημιουργό αποκλειστικά δικαιώματα για την αναπαραγωγή, διανομή και εκτέλεση του έργου τους, συνήθως για τη διάρκεια ζωής του δημιουργού συν 70 χρόνια. Τα πνευματικά δικαιώματα επιτρέπουν στους δημιουργούς να ελέγχουν και να κερδίζουν από τα έργα τους.</t>
  </si>
  <si>
    <t xml:space="preserve">Προθεσμιακή κατάθεση </t>
  </si>
  <si>
    <t>Τύπος τραπεζικής κατάθεσης όπου ο καταθέτης συμφωνεί να καταθέσει ένα ποσό χρημάτων για συγκεκριμένη χρονική περίοδο (π.χ., 1 μήνα, 6 μήνες, 1 έτος), κατά τη διάρκεια της οποίας δεν μπορεί να κάνει ανάληψη χρημάτων χωρίς να υπάρξουν κυρώσεις. Αντίθετα, η τράπεζα προσφέρει στον καταθέτη υψηλότερο επιτόκιο σε σχέση με τις απλές καταθέσεις όψεως. Ο σκοπός της προθεσμιακής κατάθεσης είναι η διασφάλιση σταθερού επιτοκίου και η παροχή ενός εγγυημένου εισοδήματος από τους τόκους για την καθορισμένη διάρκεια.</t>
  </si>
  <si>
    <t xml:space="preserve">Προμήθεια </t>
  </si>
  <si>
    <t>Διαδικασία ή την πράξη της αγοράς αγαθών ή υπηρεσιών από έναν προμηθευτή ή αντιπρόσωπο, συνήθως έναν ενδιάμεσο, ο οποίος παίρνει αμοιβή για την πώληση. Η προμήθεια μπορεί να αφορά είτε την αγορά προϊόντων είτε την παροχή υπηρεσιών για λογαριασμό ενός άλλου, συνήθως σε εμπορικό ή επαγγελματικό πλαίσιο. Η προμήθεια συνήθως περιλαμβάνει το δικαίωμα κέρδους ή ποσοστό επί της αξίας των αγαθών ή υπηρεσιών που διακινούνται.</t>
  </si>
  <si>
    <t xml:space="preserve">Προνομιούχες Μετοχές </t>
  </si>
  <si>
    <t>Ένα είδος μετοχής που παρέχει στους κατόχους τους προτεραιότητα στις καταβολές μερισμάτων και σε περίπτωση εκκαθάρισης της εταιρείας, σε σχέση με τους κατόχους κοινών μετοχών. Οι προνομιούχοι μέτοχοι συνήθως λαμβάνουν έναν προκαθορισμένο τόκο, και σε πολλές περιπτώσεις, η ψήφος τους είναι περιορισμένη ή ανύπαρκτη, αναλόγως των όρων της εκάστοτε εταιρείας. Η κυριότερη ωφέλεια από την κατοχή προνομιούχων μετοχών είναι η προστασία των κατόχων σε περίπτωση οικονομικών δυσκολιών της εταιρείας.</t>
  </si>
  <si>
    <t xml:space="preserve">Πρωτογενές Πλεόνασμα </t>
  </si>
  <si>
    <t>Δημοσιονομικό πλεόνασμα που προκύπτει μετά την αφαίρεση των πληρωμών για τόκους του δημόσιου χρέους. Με άλλα λόγια, πρόκειται για το πλεόνασμα των εσόδων του κράτους από φόρους και άλλες πηγές, αφαιρουμένων των δημοσιονομικών δαπανών, εκτός από τις πληρωμές για την εξυπηρέτηση του χρέους. Το πρωτογενές πλεόνασμα είναι δείκτης της οικονομικής υγείας μιας χώρας και χρησιμοποιείται για να δείξει εάν η χώρα είναι σε θέση να χρηματοδοτεί τις ανάγκες της χωρίς να εξαρτάται από εξωτερικά δάνεια.</t>
  </si>
  <si>
    <t xml:space="preserve">Πρωτογενές Έλλειμα </t>
  </si>
  <si>
    <t>Χρηματοοικονομικό έλλειμμα ενός κράτους ή οργανισμού, το οποίο προκύπτει όταν οι ετήσιες δαπάνες του ξεπερνούν τα έσοδά του, εξαιρουμένων των πληρωμών για την εξυπηρέτηση του χρέους. Δηλαδή, υπολογίζεται χωρίς να ληφθούν υπόψη οι τόκοι και άλλες υποχρεώσεις που σχετίζονται με το εξωτερικό ή εσωτερικό χρέος. Το πρωτογενές έλλειμμα αποτελεί δείκτη της δημοσιονομικής κατάστασης και της ικανότητας του κράτους να διαχειρίζεται τις οικονομικές του ανάγκες</t>
  </si>
  <si>
    <t xml:space="preserve">Πρωτογενής Αγορά </t>
  </si>
  <si>
    <t>Χρηματοοικονομική αγορά όπου πραγματοποιείται η αρχική έκδοση νέων τίτλων, όπως μετοχών και ομολόγων, και η πώλησή τους στο κοινό ή σε επενδυτές από τις εκδότριες εταιρείες ή το κράτος. Η πρωτογενής αγορά επιτρέπει στις επιχειρήσεις να αντλούν κεφάλαια απευθείας από επενδυτές, υποστηρίζοντας την ανάπτυξη και την υλοποίηση επενδυτικών σχεδίων.</t>
  </si>
  <si>
    <t xml:space="preserve">Ρευστοποίηση </t>
  </si>
  <si>
    <t>Διαδικασία κατά την οποία μια επιχείρηση ή ένας οργανισμός μετατρέπει τα περιουσιακά της στοιχεία σε μετρητά για να καλύψει τις υποχρεώσεις της. Η ρευστοποίηση συμβαίνει συνήθως όταν η επιχείρηση αδυνατεί να εκπληρώσει τις υποχρεώσεις της ή όταν η επιχείρηση αποφασίζει να τερματίσει τη λειτουργία της. Ο στόχος είναι να πληρωθούν οι πιστωτές και να διανεμηθεί το υπόλοιπο ποσό στους μετόχους ή τους κατόχους συμφερόντων.</t>
  </si>
  <si>
    <t xml:space="preserve">Συγχώνευση </t>
  </si>
  <si>
    <t>Διαδικασία κατά την οποία δύο ή περισσότερες εταιρείες ενώνονται για να σχηματίσουν μία νέα νομική οντότητα ή μία από τις υπάρχουσες εταιρείες απορροφά τις άλλες. Η συγχώνευση μπορεί να είναι στρατηγική και να αποσκοπεί στην αύξηση της οικονομικής δύναμης, στην καλύτερη αξιοποίηση πόρων, ή στη διεύρυνση του μεριδίου αγοράς.</t>
  </si>
  <si>
    <t xml:space="preserve">Συμβόλαια Μελλοντικής Εκπλήρωσης </t>
  </si>
  <si>
    <t>Χρηματοοικονομικά προϊόντα που αφορούν τη συμφωνία για την αγορά ή την πώληση ενός περιουσιακού στοιχείου (όπως μετοχές, εμπορεύματα, νομίσματα) σε μια προκαθορισμένη τιμή και σε μια μελλοντική ημερομηνία. Ουσιαστικά, οι συμβαλλόμενοι δεσμεύονται να εκτελέσουν την αγορά ή την πώληση του περιουσιακού στοιχείου στο μέλλον, ανεξαρτήτως της αξίας του στην αγορά εκείνη την στιγμή. Τα futures χρησιμοποιούνται κυρίως για τη διαχείριση κινδύνου (hedging) ή για κερδοσκοπία.</t>
  </si>
  <si>
    <t xml:space="preserve">Συναλλαγματική Ισοτιμία </t>
  </si>
  <si>
    <t>Η αξία ενός νομίσματος σε σχέση με ένα άλλο. Προσδιορίζει πόσες μονάδες ενός ξένου νομίσματος απαιτούνται για να αποκτηθεί μια μονάδα του τοπικού νομίσματος, ή αντίστροφα. Η ισοτιμία μπορεί να είναι σταθερή, εφόσον καθορίζεται από τις κυβερνήσεις ή τις κεντρικές τράπεζες, ή μεταβλητή, αν διαμορφώνεται από την προσφορά και τη ζήτηση στην αγορά συναλλάγματος.</t>
  </si>
  <si>
    <t xml:space="preserve">Ταμειακές Ροές </t>
  </si>
  <si>
    <t>Το καθαρό ποσό χρημάτων που εισέρχεται και εξέρχεται από μια επιχείρηση. Οι θετικές ταμειακές ροές υποδηλώνουν περισσότερα έσοδα από έξοδα, απαραίτητα για την ανάπτυξη και βιωσιμότητα.</t>
  </si>
  <si>
    <t>Τιμολόγιο</t>
  </si>
  <si>
    <t>Έγγραφο που εκδίδεται από έναν προμηθευτή ή πάροχο υπηρεσιών προς έναν πελάτη, το οποίο περιλαμβάνει τις πληροφορίες για τις πωλήσεις αγαθών ή υπηρεσιών, τις ποσότητες, τις τιμές και τις εφαρμοζόμενες φορολογικές χρεώσεις (π.χ. ΦΠΑ). Το τιμολόγιο χρησιμοποιείται ως απόδειξη της συναλλαγής και απαιτείται για λογιστικούς και φορολογικούς σκοπούς. Είναι επίσης εργαλείο για τη διαχείριση των πληρωμών και την παρακολούθηση των οικονομικών ροών μεταξύ προμηθευτή και πελάτη.</t>
  </si>
  <si>
    <t xml:space="preserve">Τραπεζικά Τεστ Αντοχής </t>
  </si>
  <si>
    <t>Δοκιμές που εφαρμόζονται από ρυθμιστικές αρχές και κεντρικές τράπεζες για την αξιολόγηση της αντοχής και της σταθερότητας των τραπεζικών ιδρυμάτων υπό διάφορα σενάρια οικονομικών ή χρηματοπιστωτικών κρίσεων. Στόχος των τεστ αυτών είναι να εντοπίσουν τις πιθανές αδυναμίες των τραπεζών και να διασφαλίσουν ότι διαθέτουν επαρκή κεφάλαια για να αντιμετωπίσουν ενδεχόμενα αρνητικά σοκ, προστατεύοντας τη συνολική σταθερότητα του χρηματοπιστωτικού συστήματος.</t>
  </si>
  <si>
    <t xml:space="preserve">Υπερημερία </t>
  </si>
  <si>
    <t>Κατάσταση κατά την οποία ένα άτομο ή μια επιχείρηση δεν εκπληρώνει τις υποχρεώσεις του (συνήθως χρηματοοικονομικές) σύμφωνα με τους όρους ενός συμφωνηθέντος χρονοδιαγράμματος. Ειδικότερα, στην περίπτωση χρέους, υπερημερία προκύπτει όταν η πληρωμή καθυστερεί πέρα από την καθορισμένη ημερομηνία και χωρίς νόμιμη δικαιολογία, προκαλώντας συνήθως επιπλέον νομικές ή χρηματικές κυρώσεις.</t>
  </si>
  <si>
    <t xml:space="preserve">Φερεγγυότητα </t>
  </si>
  <si>
    <t>Ικανότητα μιας επιχείρησης ή ατόμου να εξοφλήσει όλες τις μακροπρόθεσμες οικονομικές του υποχρεώσεις όταν αυτές καταστούν απαιτητές. Είναι ένας κρίσιμος δείκτης για την αξιολόγηση της οικονομικής υγείας και σταθερότητας ενός οργανισμού, καθώς δείχνει αν διαθέτει επαρκείς πόρους ή περιουσιακά στοιχεία για να καλύψει τις υποχρεώσεις του στο μέλλον. Η φερεγγυότητα διαφέρει από τη ρευστότητα, η οποία αναφέρεται στην ικανότητα εκπλήρωσης βραχυπρόθεσμων υποχρεώσεων.</t>
  </si>
  <si>
    <t xml:space="preserve">Χαρτοφυλάκιο </t>
  </si>
  <si>
    <t>Σύνολο των επενδύσεων που κατέχει ένα άτομο, ένας οργανισμός ή μία επιχείρηση. Συνήθως περιλαμβάνει διάφορους τύπους επενδύσεων, όπως μετοχές, ομόλογα, ακίνητα και άλλα χρηματοοικονομικά εργαλεία, με σκοπό την επίτευξη διαφοροποίησης και τη μείωση του κινδύνου. Στο πλαίσιο των χρηματοοικονομικών, το χαρτοφυλάκιο χρησιμοποιείται για να διαχειριστεί και να παρακολουθήσει τις αποδόσεις των επενδύσεων.</t>
  </si>
  <si>
    <t xml:space="preserve">Χρεόγραφο </t>
  </si>
  <si>
    <t>Χρηματοοικονομικό εργαλείο που επιτρέπει την καταγραφή και την ανταλλαγή χρέους. Συνήθως εκδίδεται από έναν οργανισμό ή επιχείρηση (εκδότη) και υποδηλώνει ότι ο κάτοχός του έχει το δικαίωμα να εισπράξει μια συγκεκριμένη αξία χρημάτων ή μια πληρωμή στο μέλλον. Τα χρεόγραφα περιλαμβάνουν διάφορες μορφές, όπως ομόλογα, βραχυπρόθεσμα γραμμάτια, και άλλες μορφές τίτλων χρέους που χρησιμοποιούνται για τη χρηματοδότηση δραστηριοτήτων ή έργων.</t>
  </si>
  <si>
    <t xml:space="preserve">Ψηφιακός Μετασχηματισμός </t>
  </si>
  <si>
    <t>Διαδικασία ενσωμάτωσης της ψηφιακής τεχνολογίας σε όλους τους τομείς μιας επιχείρησης, αλλάζοντας τον τρόπο με τον οποίο λειτουργεί και προσφέρει αξία στους πελάτες. Αυτός ο μετασχηματισμός περιλαμβάνει την υιοθέτηση νέων τεχνολογιών, όπως το cloud computing, η ανάλυση δεδομένων, η τεχνητή νοημοσύνη και η αυτοματοποίηση, για να βελτιωθεί η αποτελεσματικότητα, να απλοποιηθούν οι διαδικασίες και να ενισχυθεί η εμπειρία των πελατών.</t>
  </si>
  <si>
    <t xml:space="preserve">Ωρίμανση </t>
  </si>
  <si>
    <t>Το στάδιο κατά το οποίο ένα περιουσιακό στοιχείο, επένδυση ή χρηματοοικονομικό μέσο φτάνει στην πλήρη αξία του ή το σημείο κατά το οποίο είναι έτοιμο να αποπληρωθεί ή να εκπληρωθεί. Στα χρηματοοικονομικά, χρησιμοποιείται συχνά για να περιγράψει την ημερομηνία κατά την οποία πρέπει να αποπληρωθεί πλήρως ένα ομόλογο, δάνειο ή άλλο χρεωστικό μέσο. Αναφέρεται επίσης στη φάση ανάπτυξης μιας επιχείρησης ή προϊόντος, όταν έχει επιτύχει έναν σταθερό και βιώσιμο ρυθμό ανάπτυξης, συνήθως μετά από μια περίοδο πρώιμης ανάπτυξης και επέκτασης.</t>
  </si>
  <si>
    <t xml:space="preserve">Χρεωκοπία /Πτώχευση </t>
  </si>
  <si>
    <t>Νομική διαδικασία κατά την οποία ένα φυσικό ή νομικό πρόσωπο αδυνατεί να εκπληρώσει τις οικονομικές του υποχρεώσεις, δηλαδή δεν μπορεί να πληρώσει τα χρέη του. Αυτή η κατάσταση οδηγεί στην κατάσχεση ή πώληση περιουσιακών στοιχείων για την αποπληρωμή των οφειλών, και συχνά περιλαμβάνει τη διαδικασία αναδιάρθρωσης ή διαγραφής των χρεών υπό την εποπτεία δικαστηρίων ή των πιστωτών.</t>
  </si>
  <si>
    <t>Εξαιρετικά μεγάλες και σύνθετες συλλογές δεδομένων που οι παραδοσιακές μέθοδοι επεξεργασίας δεδομένων αδυνατούν να διαχειριστούν και να αναλύσουν αποτελεσματικά. Το Big Data χαρακτηρίζεται από τον όγκο του (τεράστιες ποσότητες δεδομένων), την ταχύτητα (υψηλή ταχύτητα με την οποία δημιουργούνται δεδομένα) και την ποικιλία (διαφορετικές πηγές δεδομένων, περιλαμβάνοντας τόσο δομημένα όσο και μη δομημένα δεδομένα). Με τα κατάλληλα εργαλεία ανάλυσης, το Big Data επιτρέπει σε εταιρείες, κυβερνήσεις και οργανισμούς να αποκτούν πληροφορίες, να λαμβάνουν αποφάσεις βάσει δεδομένων και να προβλέπουν τάσεις. Χρησιμοποιείται ευρέως σε τομείς όπως η χρηματοοικονομική, η υγεία, το μάρκετινγκ και η τεχνολογία.</t>
  </si>
  <si>
    <t>Αποκεντρωμένη ψηφιακή τεχνολογία καταγραφής συναλλαγών, η οποία αποθηκεύει δεδομένα με ασφάλεια και αμετάβλητο τρόπο σε πολλούς υπολογιστές. Κάθε συναλλαγή ομαδοποιείται σε "μπλοκ", τα οποία συνδέονται με προηγούμενα μπλοκ, δημιουργώντας μια "αλυσίδα" δεδομένων. Αυτή η δομή εξασφαλίζει διαφάνεια και ασφάλεια, εμποδίζοντας την μη εξουσιοδοτημένη τροποποίηση των δεδομένων. Η τεχνολογία blockchain αποτελεί τη βάση των κρυπτονομισμάτων, όπως το Bitcoin, και έχει εφαρμογές σε διάφορους τομείς, όπως η χρηματοδότηση, η αλυσίδα εφοδιασμού και η υγειονομική περίθαλψη, λόγω της ικανότητάς της να διασφαλίζει διαφάνεια, ασφάλεια και αποτελεσματικότητα στη διαχείριση δεδομένων.</t>
  </si>
  <si>
    <t>Ρυθμός με τον οποίο μια επιχείρηση δαπανά το διαθέσιμο κεφάλαιό της ή τα ταμειακά της αποθέματα σε μια συγκεκριμένη χρονική περίοδο, συνήθως σε μηνιαία βάση. Χρησιμοποιείται συχνά από νεοφυείς και αναπτυσσόμενες εταιρείες για να μετρήσουν την ταχύτητα εξάντλησης των κεφαλαίων τους, παρέχοντας μια εικόνα για το πόσο καιρό μπορούν να λειτουργούν πριν χρειαστούν επιπλέον χρηματοδότηση. Το Burn Rate είναι σημαντικό για τη διαχείριση των ταμειακών ροών, ιδιαίτερα όταν τα έσοδα ενδέχεται να μην επαρκούν για την κάλυψη των λειτουργικών εξόδων.</t>
  </si>
  <si>
    <t>Το συνολικό κόστος που σχετίζεται με την απόκτηση ενός νέου πελάτη για μια επιχείρηση. Περιλαμβάνει δαπάνες όπως το μάρκετινγκ, η διαφήμιση, οι μισθοί της ομάδας πωλήσεων και οποιουσδήποτε άλλους πόρους που διατίθενται για την απόκτηση πελατών. Το CAC υπολογίζεται διαιρώντας το συνολικό κόστος απόκτησης με τον αριθμό των νέων πελατών που αποκτήθηκαν σε μια συγκεκριμένη περίοδο. Αυτός ο δείκτης είναι σημαντικός για τις επιχειρήσεις, καθώς βοηθά στην κατανόηση της αποτελεσματικότητας των στρατηγικών μάρκετινγκ και της κερδοφορίας από τις σχέσεις με τους πελάτες.</t>
  </si>
  <si>
    <t>Ένας επιχειρηματικό δείκτης που εκφράζει το ποσοστό των πελατών, συνδρομητών ή χρηστών που διακόπτουν τη σχέση τους με μια εταιρεία σε μια συγκεκριμένη χρονική περίοδο, συνήθως σε μηνιαία ή ετήσια βάση. Χρησιμοποιείται ιδιαίτερα σε επιχειρήσεις που βασίζονται σε συνδρομές και δείχνει τα επίπεδα διατήρησης πελατών. Ένα υψηλό ποσοστό αποχώρησης σημαίνει ότι η εταιρεία χάνει πελάτες με γρήγορο ρυθμό, κάτι που μπορεί να υποδηλώνει προβλήματα με την ικανοποίηση των πελατών, την ποιότητα των υπηρεσιών ή την καταλληλότητα του προϊόντος. Η παρακολούθηση του ποσοστού αποχώρησης βοηθά τις επιχειρήσεις να εντοπίζουν τομείς προς βελτίωση και να αναπτύσσουν στρατηγικές για την αύξηση της πιστότητας των πελατών.</t>
  </si>
  <si>
    <t>Γεωγραφική συγκέντρωση διασυνδεδεμένων επιχειρήσεων, προμηθευτών και σχετικών ιδρυμάτων σε έναν συγκεκριμένο τομέα ή βιομηχανία. Τα Clusters χαρακτηρίζονται από την κοντινή απόσταση των εταιρειών και οργανισμών που μοιράζονται παρόμοια ενδιαφέροντα, πόρους και τεχνολογίες. Μπορούν να περιλαμβάνουν επιχειρήσεις σε διαφορετικά στάδια της αλυσίδας αξίας, από προμηθευτές πρώτων υλών έως κατασκευαστές και παρόχους υπηρεσιών.</t>
  </si>
  <si>
    <t>Λογισμικά συστήματα και πρακτικές που βοηθούν τις επιχειρήσεις να διαχειρίζονται και να αναλύουν τις αλληλεπιδράσεις και τα δεδομένα πελατών καθ' όλη τη διάρκεια της σχέσης με τον πελάτη. Ο κύριος στόχος του CRM είναι η βελτίωση της εξυπηρέτησης πελατών, η ενίσχυση της διατήρησης πελατών και η προώθηση της ανάπτυξης πωλήσεων μέσω της οργάνωσης πληροφοριών πελατών, της παρακολούθησης αλληλεπιδράσεων και της αυτοματοποίησης διαδικασιών μάρκετινγκ και πωλήσεων</t>
  </si>
  <si>
    <t>Μοναδική, αναγνώσιμη από ανθρώπους διεύθυνση που χρησιμοποιείται για να ταυτοποιήσει έναν ιστότοπο στο διαδίκτυο. Λειτουργεί ως "διεύθυνση κατοικίας" για ιστοσελίδες, επιτρέποντας στους χρήστες να τις βρουν εύκολα χωρίς να χρειάζεται να θυμούνται έναν αριθμητικό IP. Τα ονόματα τομέα αποτελούνται από ένα όνομα (π.χ., "example") και ένα κατάληξη ή επέκταση (π.χ., ".com" ή ".org") που υποδεικνύει τον τύπο του ιστότοπου ή του οργανισμού.</t>
  </si>
  <si>
    <t>Ολοκληρωμένο σύστημα διαχείρισης που χρησιμοποιούν οι οργανισμοί για να διαχειρίζονται και να αυτοματοποιούν τις βασικές επιχειρησιακές διαδικασίες σε διάφορα τμήματα. Αυτό περιλαμβάνει χρηματοοικονομικά, ανθρώπινους πόρους, παραγωγή, εφοδιαστική αλυσίδα, υπηρεσίες, προμήθειες και άλλα. Τα συστήματα ERP κεντρικοποιούν τα δεδομένα και παρέχουν μια συνολική εικόνα των επιχειρησιακών λειτουργιών, διευκολύνοντας καλύτερη λήψη αποφάσεων και επιχειρησιακή αποτελεσματικότητα.</t>
  </si>
  <si>
    <t>Τρία βασικά κριτήρια για τη μέτρηση της βιωσιμότητας και της κοινωνικής ευθύνης των εταιρειών. Αυτά τα κριτήρια είναι Περιβαλλοντικό (Environmental): Αξιολογεί τις πολιτικές και τις πρακτικές που σχετίζονται με την προστασία του περιβάλλοντος, όπως η μείωση των εκπομπών CO2, η ανακύκλωση και η βιωσιμότητα Κοινωνικό (Social): Αφορά τις κοινωνικές επιπτώσεις της επιχείρησης, όπως οι συνθήκες εργασίας, οι σχέσεις με την κοινότητα και η ενσωμάτωση των ανθρώπινων δικαιωμάτων Διακυβέρνηση (Governance): Εξετάζει τη δομή της διοίκησης, τις πρακτικές διαφάνειας, τη συμμόρφωση με τους κανόνες και τη διαχείριση του κινδύνου.</t>
  </si>
  <si>
    <t>Κεντρικό σημείο ή πλατφόρμα όπου άτομα, επιχειρήσεις και οργανισμοί συγκεντρώνονται για να συνεργαστούν, να μοιραστούν πόρους και να ενισχύσουν την καινοτομία. Συχνά λειτουργεί ως δίκτυο που συνδέει διάφορους ενδιαφερόμενους, συμπεριλαμβανομένων startups, επενδυτών, μεντόρων και ειδικών του κλάδου, προκειμένου να προωθήσει την ανάπτυξη και την ανάπτυξη εντός ενός συγκεκριμένου τομέα ή κοινότητας.</t>
  </si>
  <si>
    <t>Δείκτης πιστότητας πελατών που μετρά την πιθανότητα οι πελάτες να προτείνουν μια εταιρεία, προϊόν ή υπηρεσία σε άλλους. Υπολογίζεται βάσει της απάντησης σε μια ερώτηση: "Σε κλίμακα από 0 έως 10, πόσο πιθανό είναι να προτείνετε την εταιρεία/προϊόν/υπηρεσία μας σε έναν φίλο ή συνάδελφο;" Οι απαντήσεις κατηγοριοποιούνται ως Υποστηρικτές (Promoters, σκορ 9-10), Παθητικοί (Passives, σκορ 7-8) και Αποδοκιμαστές (Detractors, σκορ 0-6). Το NPS υπολογίζεται αφαιρώντας το ποσοστό των Αποδοκιμαστών από το ποσοστό των Υποστηρικτών, δίνοντας μια βαθμολογία που κυμαίνεται από -100 έως +100. Αυτός ο δείκτης χρησιμοποιείται ευρέως από επιχειρήσεις για να αξιολογούν την ικανοποίηση και πιστότητα των πελατών τους.</t>
  </si>
  <si>
    <t>Σαφής και ελκυστική δήλωση που ορίζει τι κάνει ένα προϊόν, υπηρεσία ή επιχείρηση να ξεχωρίζει από τον ανταγωνισμό. Εστιάζει στα μοναδικά οφέλη και την αξία που προσφέρει αυτή η επιλογή, επιλύοντας μια συγκεκριμένη ανάγκη ή πρόβλημα για τους πελάτες.To USP αποτελεί κεντρικό στοιχείο στρατηγικής μάρκετινγκ, καθώς στοχεύει στην προσέλκυση του κοινού με την ανάδειξη των μοναδικών πλεονεκτημάτων της συγκεκριμένης επιλογής</t>
  </si>
  <si>
    <t xml:space="preserve">Η πρακτική της βελτιστοποίησης μιας ιστοσελίδας για να βελτιωθεί η ορατότητά της στις μηχανές αναζήτησης όπως η Google. Ο στόχος του SEO είναι να αυξήσει την οργανική (μη πληρωμένη) κίνηση προς μια ιστοσελίδα, βελτιώνοντας τη θέση της στις σελίδες αποτελεσμάτων των μηχανών αναζήτησης (SERPs). Αυτό περιλαμβάνει διάφορες στρατηγικές, όπως έρευνα λέξεων-κλειδιών, δημιουργία περιεχομένου, βελτιστοποίηση εντός της σελίδας </t>
  </si>
  <si>
    <t>Μη δεσμευτικό έγγραφο που περιγράφει τους βασικούς όρους και προϋποθέσεις μιας επένδυσης ή επιχειρηματικής συμφωνίας. Λειτουργεί ως σχέδιο για την τελική, νομικά δεσμευτική συμφωνία και χρησιμοποιείται συνήθως σε γύρους χρηματοδότησης, συγχωνεύσεις και εξαγορές, στρατηγικές συνεργασίες ή άλλες επιχειρηματικές συναλλαγές. Το Term Sheet καθορίζει τη βάση για τη συμφωνία, παρέχοντας σαφήνεια για τις βασικές πτυχές όπως η αποτίμηση, η ιδιοκτησία και οι συγκεκριμένες υποχρεώσεις όλων των εμπλεκομένων μερών. Βοηθά να διασφαλιστεί ότι τα μέρη συμφωνούν πριν συνταχθούν οι πλήρεις, λεπτομερείς συμβάσεις</t>
  </si>
  <si>
    <t>Βιοποικιλότητα</t>
  </si>
  <si>
    <t>Η ποικιλία της ζωής σε ένα συγκεκριμένο οικοσύστημα ή βιότοπο, ζωτικής σημασίας για την οικολογική ισορροπία.</t>
  </si>
  <si>
    <t>Ανθρακικό Αποτύπωμα</t>
  </si>
  <si>
    <t>Το συνολικό ποσό των αερίων του θερμοκηπίου που εκλύονται άμεσα ή έμμεσα από ένα άτομο ή οργανισμό.</t>
  </si>
  <si>
    <t>Εταιρική Κοινωνική Ευθύνη (ΕΚΕ)</t>
  </si>
  <si>
    <t>Η πρακτική της ενσωμάτωσης κοινωνικών και περιβαλλοντικών ανησυχιών στις επιχειρηματικές δραστηριότητες.</t>
  </si>
  <si>
    <t>Εκπομπές</t>
  </si>
  <si>
    <t>Η απελευθέρωση αερίων του θερμοκηπίου και ρύπων στην ατμόσφαιρα.</t>
  </si>
  <si>
    <t>Αξιολόγηση Περιβαλλοντικών Επιπτώσεων</t>
  </si>
  <si>
    <t>Διαδικασία για την αξιολόγηση των πιθανών περιβαλλοντικών επιπτώσεων ενός προτεινόμενου έργου ή ενέργειας.</t>
  </si>
  <si>
    <t>Διακυβέρνηση</t>
  </si>
  <si>
    <t>Το σύστημα με το οποίο οι οργανισμοί κατευθύνονται και ελέγχονται, περιλαμβάνοντας πολιτικές και διαδικασίες.</t>
  </si>
  <si>
    <t>Πράσινο Ξέπλυμα</t>
  </si>
  <si>
    <t>Η πρακτική της παραπλάνησης των καταναλωτών σχετικά με τις περιβαλλοντικές πρακτικές μιας εταιρείας ή τη βιωσιμότητα ενός προϊόντος.</t>
  </si>
  <si>
    <t>Ανανεώσιμες Πηγές Ενέργειας</t>
  </si>
  <si>
    <t>Ενέργεια από πηγές που ανανεώνονται φυσικά, όπως η ηλιακή, η αιολική και η υδροηλεκτρική ενέργεια.</t>
  </si>
  <si>
    <t>Βιώσιμη Ανάπτυξη</t>
  </si>
  <si>
    <t>Ανάπτυξη που ικανοποιεί τις ανάγκες του παρόντος χωρίς να θέτει σε κίνδυνο την ικανότητα των μελλοντικών γενεών να ικανοποιούν τις δικές τους ανάγκες.</t>
  </si>
  <si>
    <t>Κοινωνική Επίπτωση</t>
  </si>
  <si>
    <t>Η επίδραση των ενεργειών ενός οργανισμού στην ευημερία της κοινότητας και της κοινωνίας.</t>
  </si>
  <si>
    <t>Συμμετέχοντες</t>
  </si>
  <si>
    <t>Άτομα ή ομάδες που έχουν συμφέρον στις δραστηριότητες και τα αποτελέσματα ενός οργανισμού.</t>
  </si>
  <si>
    <t>Αναφορά Βιωσιμότητας</t>
  </si>
  <si>
    <t>Η πρακτική της μέτρησης, αποκάλυψης και λογοδοσίας για την περιβαλλοντική και κοινωνική απόδοση ενός οργανισμού.</t>
  </si>
  <si>
    <t>Τριπλή Κατώτατη Γραμμή (TBL)</t>
  </si>
  <si>
    <t>Ένα πλαίσιο που εξετάζει κοινωνικούς, περιβαλλοντικούς και οικονομικούς παράγοντες στην επιχειρηματική απόδοση.</t>
  </si>
  <si>
    <t>Διαχείριση Αποβλήτων</t>
  </si>
  <si>
    <t>Η συλλογή, μεταφορά, επεξεργασία, ανακύκλωση ή απόρριψη αποβλήτων.</t>
  </si>
  <si>
    <t>Κυκλική Οικονομία</t>
  </si>
  <si>
    <t>Ένα οικονομικό σύστημα που αποσκοπεί στην εξάλειψη των αποβλήτων και τη συνεχή χρήση πόρων μέσω ανακύκλωσης και επαναχρησιμοποίησης.</t>
  </si>
  <si>
    <t>Κλιματική Αλλαγή</t>
  </si>
  <si>
    <t>Μακροχρόνιες αλλαγές στη θερμοκρασία, τις βροχοπτώσεις και άλλες ατμοσφαιρικές συνθήκες που επηρεάζουν τη Γη.</t>
  </si>
  <si>
    <t>Περιβαλλοντική Δικαιοσύνη</t>
  </si>
  <si>
    <t>Η δίκαιη μεταχείριση και η ουσιαστική συμμετοχή όλων των ανθρώπων στις περιβαλλοντικές πολιτικές και πρακτικές.</t>
  </si>
  <si>
    <t>Ηθική Επένδυση</t>
  </si>
  <si>
    <t>Επενδύσεις που γίνονται σε εταιρείες που πληρούν ορισμένα ηθικά κριτήρια ή αξίες.</t>
  </si>
  <si>
    <t>Πρότυπα που χρησιμοποιούνται για τη μέτρηση της απόδοσης μιας εταιρείας σε τομείς που σχετίζονται με περιβαλλοντικούς, κοινωνικούς και κυβερνητικούς παράγοντες.</t>
  </si>
  <si>
    <t>Πράσινη Ενέργεια</t>
  </si>
  <si>
    <t>Ενέργεια που παράγεται από ανανεώσιμες πηγές που έχουν ελάχιστη περιβαλλοντική επίπτωση.</t>
  </si>
  <si>
    <t>Επενδύσεις Με Επίδραση</t>
  </si>
  <si>
    <t>Επενδύσεις που γίνονται με σκοπό τη δημιουργία θετικού, μετρήσιμου κοινωνικού και περιβαλλοντικού αντίκτυπου παράλληλα με οικονομική απόδοση.</t>
  </si>
  <si>
    <t>Φυσικοί Πόροι</t>
  </si>
  <si>
    <t>Πόροι που εμφανίζονται φυσικά μέσα στο περιβάλλον, όπως το νερό, τα ορυκτά και τα δάση.</t>
  </si>
  <si>
    <t>Βιώσιμη Αλυσίδα Εφοδιασμού</t>
  </si>
  <si>
    <t>Μια αλυσίδα εφοδιασμού που ενσωματώνει βιώσιμες πρακτικές και μειώνει την περιβαλλοντική επίπτωση.</t>
  </si>
  <si>
    <t>Κοινωνική Ευθύνη</t>
  </si>
  <si>
    <t>Μια υποχρέωση ενός οργανισμού να ενεργεί προς όφελος της κοινωνίας στο σύνολό της.</t>
  </si>
  <si>
    <t>Διαφάνεια</t>
  </si>
  <si>
    <t>Η πρακτική της ανοιχτής κοινοποίησης πληροφοριών σχετικά με τις επιχειρηματικές δραστηριότητες και πρακτικές.</t>
  </si>
  <si>
    <t>Αστική Βιωσιμότητα</t>
  </si>
  <si>
    <t>Η ικανότητα των αστικών περιοχών να υποστηρίζουν τους κατοίκους τους χωρίς να θέτουν σε κίνδυνο την ικανότητα των μελλοντικών γενεών να κάνουν το ίδιο.</t>
  </si>
  <si>
    <t>Υπηρεσίες Οικοσυστήματος</t>
  </si>
  <si>
    <t>Τα οφέλη που λαμβάνουν οι άνθρωποι από τα οικοσυστήματα, όπως το καθαρό νερό, η επικονίαση και η ρύθμιση του κλίματος.</t>
  </si>
  <si>
    <t>Ανθεκτικότητα</t>
  </si>
  <si>
    <t>Η ικανότητα ενός οργανισμού ή συστήματος να αντέχει και να ανακάμπτει από δυσμενείς συνθήκες ή διαταραχές.</t>
  </si>
  <si>
    <t>Δίκαιες Συναλλαγές</t>
  </si>
  <si>
    <t>Μια εμπορική συνεργασία που επιδιώκει μεγαλύτερη δικαιοσύνη στο διεθνές εμπόριο, προωθώντας τη βιώσιμη ανάπτυξη.</t>
  </si>
  <si>
    <t>Αξιολόγηση Κύκλου Ζωής (ΑΚΖ)</t>
  </si>
  <si>
    <t>Μια τεχνική για την αξιολόγηση των περιβαλλοντικών επιπτώσεων ενός προϊόντος καθ' όλη τη διάρκεια ζωής του, από την εξόρυξη πρώτων υλών μέχρι την απόρριψη.</t>
  </si>
  <si>
    <t>Υδατικό Αποτύπωμα</t>
  </si>
  <si>
    <t>Ο συνολικός όγκος γλυκού νερού που χρησιμοποιείται για την παραγωγή αγαθών και υπηρεσιών που καταναλώνονται από ένα άτομο ή μια κοινότητα.</t>
  </si>
  <si>
    <t>Ενεργειακή Απόδοση</t>
  </si>
  <si>
    <t>Ο στόχος της μείωσης της ποσότητας ενέργειας που απαιτείται για την παροχή του ίδιου επιπέδου ενεργειακής υπηρεσίας.</t>
  </si>
  <si>
    <t>Βιώσιμη Γεωργία</t>
  </si>
  <si>
    <t>Γεωργικές πρακτικές που προτεραιοποιούν την περιβαλλοντική υγεία, την οικονομική κερδοφορία και την κοινωνική δικαιοσύνη.</t>
  </si>
  <si>
    <t>Κοινωνική Άδεια Λειτουργίας</t>
  </si>
  <si>
    <t>Η συνεχής έγκριση και αποδοχή των δραστηριοτήτων μιας εταιρείας από τις τοπικές κοινότητες και τους συμμετέχοντες.</t>
  </si>
  <si>
    <t>Βιώσιμες Επενδύσεις</t>
  </si>
  <si>
    <t>Επενδύσεις σε εταιρείες που προτεραιοποιούν τη βιωσιμότητα και τις ηθικές πρακτικές στις δραστηριότητές τους.</t>
  </si>
  <si>
    <t>Εταιρική Διακυβέρνηση</t>
  </si>
  <si>
    <t>Το πλαίσιο κανόνων, πρακτικών και διαδικασιών με βάση το οποίο κατευθύνεται και ελέγχεται μια επιχείρηση.</t>
  </si>
  <si>
    <t>Μέγα-Δεδομένα (Big Data)</t>
  </si>
  <si>
    <t xml:space="preserve">Τεχνολογία Blockchain </t>
  </si>
  <si>
    <t>Ρυθμός Καύσης Κεφαλαίου (Burn Rate)</t>
  </si>
  <si>
    <t>Κόστος Απόκτησης Πελάτη (CAC)</t>
  </si>
  <si>
    <t>Ποσοστό Αποχώρησης (Churn Rate)</t>
  </si>
  <si>
    <t>Επιχειρηματικό Σύμπλεγμα (Cluster)</t>
  </si>
  <si>
    <t>Διαχείριση Πελατειακών Σχέσεων (CRM)</t>
  </si>
  <si>
    <t>Όνομα Τομέα (Domain Name)</t>
  </si>
  <si>
    <t>Σύστημα Διαχείρισης Επιχειρησιακών Πόρων (ERP)</t>
  </si>
  <si>
    <t>Περιβαλλοντική, Κοινωνική και Εταιρική Διακυβέρνηση (ESG)</t>
  </si>
  <si>
    <t>Δείκτες ESG</t>
  </si>
  <si>
    <t>Κέντρο Καινοτομίας (Hub)</t>
  </si>
  <si>
    <t>Καθαρή βαθμολογία υποστηρικτών (Net Promoter Score)</t>
  </si>
  <si>
    <t>Μοναδική Πρόταση Πώλησης (Unique Selling Proposition)</t>
  </si>
  <si>
    <t>Βελτιστοποίηση Μηχανών Αναζήτησης (Search Engine Optimization)</t>
  </si>
  <si>
    <t>Έγγραφο Βασικών Όρων (Term Sheet)</t>
  </si>
  <si>
    <t>Ενδιάμεση Χρηματοδότηση (Mezzanine)</t>
  </si>
  <si>
    <t>Μικρά αρχεία δεδομένων (Cookies)</t>
  </si>
  <si>
    <t xml:space="preserve">Εμπορικά απόρρητα </t>
  </si>
  <si>
    <t>Λογισμικό ως Υπηρεσία (SaaS)</t>
  </si>
  <si>
    <t xml:space="preserve">Αρχική Δημόσια  Προσφορά (IPO) </t>
  </si>
  <si>
    <t>Όρος</t>
  </si>
  <si>
    <t>Επεξήγηση</t>
  </si>
  <si>
    <r>
      <t xml:space="preserve">Υπολογίζεται μόνο στο αρχικό ποσό του δανείου(κεφάλαιο),χωρίς να προσμετράται το επιτόκιο που έχει προστεθεί κατά τη διάρκεια του δανείου.Δεν νπεριλαμβάνεται ο ανατοκισμός.
</t>
    </r>
    <r>
      <rPr>
        <u/>
        <sz val="12"/>
        <rFont val="Segoe UI"/>
        <family val="2"/>
        <charset val="161"/>
      </rPr>
      <t>Υπολογισμός:</t>
    </r>
    <r>
      <rPr>
        <sz val="12"/>
        <rFont val="Segoe UI"/>
        <family val="2"/>
        <charset val="161"/>
      </rPr>
      <t xml:space="preserve">
Απλός τόκος =Κεφάλαιο x το ετήσιο επιτόκιο x αριθμό των ετών
Υπολογίζεται βάσει του αρχικού ποσού δανεισμού ή της αποταμίευσης
</t>
    </r>
    <r>
      <rPr>
        <u/>
        <sz val="12"/>
        <rFont val="Segoe UI"/>
        <family val="2"/>
        <charset val="161"/>
      </rPr>
      <t>Παράδειγμα</t>
    </r>
    <r>
      <rPr>
        <sz val="12"/>
        <rFont val="Segoe UI"/>
        <family val="2"/>
        <charset val="161"/>
      </rPr>
      <t xml:space="preserve">
Εάν αποταμιεύσετε 1.000 Ευρώ το χρόνο με απλό επιτόκιο 5% για 2 χρόνια, τότε τον χρόνο θα εισπράξετε 50 ευρώ και συνολικά τα 2 χρόνια θα εισπράξετε σε τόκους 100 Ευρώ.</t>
    </r>
  </si>
  <si>
    <t>Μεσαία Επιχείρηση</t>
  </si>
  <si>
    <t>Α' Φάση χρηματοδότησης</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6" x14ac:knownFonts="1">
    <font>
      <sz val="11"/>
      <color theme="1"/>
      <name val="Aptos Narrow"/>
      <family val="2"/>
      <scheme val="minor"/>
    </font>
    <font>
      <sz val="11"/>
      <color rgb="FF002060"/>
      <name val="Segoe UI"/>
      <family val="2"/>
      <charset val="161"/>
    </font>
    <font>
      <sz val="11"/>
      <name val="Segoe UI"/>
      <family val="2"/>
      <charset val="161"/>
    </font>
    <font>
      <b/>
      <sz val="14"/>
      <color theme="0"/>
      <name val="Segoe UI"/>
      <family val="2"/>
      <charset val="161"/>
    </font>
    <font>
      <sz val="12"/>
      <name val="Segoe UI"/>
      <family val="2"/>
      <charset val="161"/>
    </font>
    <font>
      <u/>
      <sz val="12"/>
      <name val="Segoe UI"/>
      <family val="2"/>
      <charset val="161"/>
    </font>
  </fonts>
  <fills count="4">
    <fill>
      <patternFill patternType="none"/>
    </fill>
    <fill>
      <patternFill patternType="gray125"/>
    </fill>
    <fill>
      <patternFill patternType="solid">
        <fgColor theme="0"/>
        <bgColor indexed="64"/>
      </patternFill>
    </fill>
    <fill>
      <patternFill patternType="solid">
        <fgColor rgb="FF0759DB"/>
        <bgColor indexed="64"/>
      </patternFill>
    </fill>
  </fills>
  <borders count="3">
    <border>
      <left/>
      <right/>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s>
  <cellStyleXfs count="1">
    <xf numFmtId="0" fontId="0" fillId="0" borderId="0"/>
  </cellStyleXfs>
  <cellXfs count="12">
    <xf numFmtId="0" fontId="0" fillId="0" borderId="0" xfId="0"/>
    <xf numFmtId="0" fontId="1" fillId="2" borderId="0" xfId="0" applyFont="1" applyFill="1" applyAlignment="1">
      <alignment vertical="center"/>
    </xf>
    <xf numFmtId="0" fontId="1" fillId="2" borderId="0" xfId="0" applyFont="1" applyFill="1" applyAlignment="1">
      <alignment vertical="center" wrapText="1"/>
    </xf>
    <xf numFmtId="0" fontId="1" fillId="2" borderId="0" xfId="0" applyFont="1" applyFill="1" applyAlignment="1">
      <alignment horizontal="center" vertical="center" wrapText="1"/>
    </xf>
    <xf numFmtId="0" fontId="1" fillId="2" borderId="2" xfId="0" applyFont="1" applyFill="1" applyBorder="1" applyAlignment="1">
      <alignment vertical="center"/>
    </xf>
    <xf numFmtId="0" fontId="2" fillId="2" borderId="0" xfId="0" applyFont="1" applyFill="1" applyAlignment="1">
      <alignment vertical="center"/>
    </xf>
    <xf numFmtId="0" fontId="3" fillId="3" borderId="1" xfId="0" applyFont="1" applyFill="1" applyBorder="1" applyAlignment="1">
      <alignment horizontal="center" vertical="center" wrapText="1"/>
    </xf>
    <xf numFmtId="0" fontId="4" fillId="2" borderId="1" xfId="0" applyFont="1" applyFill="1" applyBorder="1" applyAlignment="1">
      <alignment horizontal="center" vertical="center" wrapText="1"/>
    </xf>
    <xf numFmtId="0" fontId="4" fillId="2" borderId="1" xfId="0" applyFont="1" applyFill="1" applyBorder="1" applyAlignment="1">
      <alignment vertical="center" wrapText="1"/>
    </xf>
    <xf numFmtId="0" fontId="4" fillId="0" borderId="1" xfId="0" applyFont="1" applyBorder="1" applyAlignment="1">
      <alignment horizontal="center" vertical="center" wrapText="1"/>
    </xf>
    <xf numFmtId="0" fontId="4" fillId="0" borderId="1" xfId="0" applyFont="1" applyBorder="1" applyAlignment="1">
      <alignment vertical="center" wrapText="1"/>
    </xf>
    <xf numFmtId="0" fontId="4" fillId="0" borderId="1" xfId="0" quotePrefix="1" applyFont="1" applyBorder="1" applyAlignment="1">
      <alignment horizontal="center" vertical="center" wrapText="1"/>
    </xf>
  </cellXfs>
  <cellStyles count="1">
    <cellStyle name="Normal" xfId="0" builtinId="0"/>
  </cellStyles>
  <dxfs count="0"/>
  <tableStyles count="0" defaultTableStyle="TableStyleMedium2" defaultPivotStyle="PivotStyleLight16"/>
  <colors>
    <mruColors>
      <color rgb="FF0759DB"/>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4.xml"/><Relationship Id="rId3" Type="http://schemas.openxmlformats.org/officeDocument/2006/relationships/styles" Target="styles.xml"/><Relationship Id="rId7" Type="http://schemas.openxmlformats.org/officeDocument/2006/relationships/customXml" Target="../customXml/item3.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 Id="rId9" Type="http://schemas.openxmlformats.org/officeDocument/2006/relationships/customXml" Target="../customXml/item5.xml"/></Relationships>
</file>

<file path=xl/theme/theme1.xml><?xml version="1.0" encoding="utf-8"?>
<a:theme xmlns:a="http://schemas.openxmlformats.org/drawingml/2006/main" name="Office Theme">
  <a:themeElements>
    <a:clrScheme name="Custom 8">
      <a:dk1>
        <a:sysClr val="windowText" lastClr="000000"/>
      </a:dk1>
      <a:lt1>
        <a:sysClr val="window" lastClr="FFFFFF"/>
      </a:lt1>
      <a:dk2>
        <a:srgbClr val="E8E8E8"/>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7544B75-CCC6-4E55-88BE-225C26A6B850}">
  <sheetPr>
    <pageSetUpPr fitToPage="1"/>
  </sheetPr>
  <dimension ref="A1:B188"/>
  <sheetViews>
    <sheetView tabSelected="1" zoomScale="75" zoomScaleNormal="75" workbookViewId="0">
      <pane ySplit="1" topLeftCell="A2" activePane="bottomLeft" state="frozen"/>
      <selection pane="bottomLeft" activeCell="A2" sqref="A2"/>
    </sheetView>
  </sheetViews>
  <sheetFormatPr defaultColWidth="8.75" defaultRowHeight="16.5" x14ac:dyDescent="0.3"/>
  <cols>
    <col min="1" max="1" width="52.9140625" style="3" customWidth="1"/>
    <col min="2" max="2" width="113" style="2" customWidth="1"/>
    <col min="3" max="16384" width="8.75" style="1"/>
  </cols>
  <sheetData>
    <row r="1" spans="1:2" ht="21" x14ac:dyDescent="0.3">
      <c r="A1" s="6" t="s">
        <v>370</v>
      </c>
      <c r="B1" s="6" t="s">
        <v>371</v>
      </c>
    </row>
    <row r="2" spans="1:2" ht="150" customHeight="1" x14ac:dyDescent="0.3">
      <c r="A2" s="11" t="s">
        <v>374</v>
      </c>
      <c r="B2" s="10" t="s">
        <v>2</v>
      </c>
    </row>
    <row r="3" spans="1:2" ht="150" customHeight="1" x14ac:dyDescent="0.3">
      <c r="A3" s="7" t="s">
        <v>95</v>
      </c>
      <c r="B3" s="8" t="s">
        <v>96</v>
      </c>
    </row>
    <row r="4" spans="1:2" ht="150" customHeight="1" x14ac:dyDescent="0.3">
      <c r="A4" s="7" t="s">
        <v>97</v>
      </c>
      <c r="B4" s="8" t="s">
        <v>98</v>
      </c>
    </row>
    <row r="5" spans="1:2" ht="150" customHeight="1" x14ac:dyDescent="0.3">
      <c r="A5" s="9" t="s">
        <v>0</v>
      </c>
      <c r="B5" s="10" t="s">
        <v>1</v>
      </c>
    </row>
    <row r="6" spans="1:2" ht="150" customHeight="1" x14ac:dyDescent="0.3">
      <c r="A6" s="9" t="s">
        <v>3</v>
      </c>
      <c r="B6" s="10" t="s">
        <v>4</v>
      </c>
    </row>
    <row r="7" spans="1:2" ht="150" customHeight="1" x14ac:dyDescent="0.3">
      <c r="A7" s="7" t="s">
        <v>292</v>
      </c>
      <c r="B7" s="8" t="s">
        <v>293</v>
      </c>
    </row>
    <row r="8" spans="1:2" ht="150" customHeight="1" x14ac:dyDescent="0.3">
      <c r="A8" s="7" t="s">
        <v>300</v>
      </c>
      <c r="B8" s="8" t="s">
        <v>301</v>
      </c>
    </row>
    <row r="9" spans="1:2" ht="150" customHeight="1" x14ac:dyDescent="0.3">
      <c r="A9" s="9" t="s">
        <v>5</v>
      </c>
      <c r="B9" s="10" t="s">
        <v>6</v>
      </c>
    </row>
    <row r="10" spans="1:2" ht="150" customHeight="1" x14ac:dyDescent="0.3">
      <c r="A10" s="7" t="s">
        <v>331</v>
      </c>
      <c r="B10" s="8" t="s">
        <v>332</v>
      </c>
    </row>
    <row r="11" spans="1:2" ht="150" customHeight="1" x14ac:dyDescent="0.3">
      <c r="A11" s="7" t="s">
        <v>280</v>
      </c>
      <c r="B11" s="8" t="s">
        <v>281</v>
      </c>
    </row>
    <row r="12" spans="1:2" ht="150" customHeight="1" x14ac:dyDescent="0.3">
      <c r="A12" s="9" t="s">
        <v>7</v>
      </c>
      <c r="B12" s="10" t="s">
        <v>8</v>
      </c>
    </row>
    <row r="13" spans="1:2" ht="150" customHeight="1" x14ac:dyDescent="0.3">
      <c r="A13" s="7" t="s">
        <v>99</v>
      </c>
      <c r="B13" s="8" t="s">
        <v>100</v>
      </c>
    </row>
    <row r="14" spans="1:2" ht="150" customHeight="1" x14ac:dyDescent="0.3">
      <c r="A14" s="7" t="s">
        <v>101</v>
      </c>
      <c r="B14" s="8" t="s">
        <v>102</v>
      </c>
    </row>
    <row r="15" spans="1:2" ht="150" customHeight="1" x14ac:dyDescent="0.3">
      <c r="A15" s="9" t="s">
        <v>11</v>
      </c>
      <c r="B15" s="10" t="s">
        <v>12</v>
      </c>
    </row>
    <row r="16" spans="1:2" ht="150" customHeight="1" x14ac:dyDescent="0.3">
      <c r="A16" s="9" t="s">
        <v>9</v>
      </c>
      <c r="B16" s="10" t="s">
        <v>10</v>
      </c>
    </row>
    <row r="17" spans="1:2" ht="150" customHeight="1" x14ac:dyDescent="0.3">
      <c r="A17" s="7" t="s">
        <v>335</v>
      </c>
      <c r="B17" s="8" t="s">
        <v>336</v>
      </c>
    </row>
    <row r="18" spans="1:2" ht="150" customHeight="1" x14ac:dyDescent="0.3">
      <c r="A18" s="7" t="s">
        <v>286</v>
      </c>
      <c r="B18" s="8" t="s">
        <v>287</v>
      </c>
    </row>
    <row r="19" spans="1:2" ht="150" customHeight="1" x14ac:dyDescent="0.3">
      <c r="A19" s="7" t="s">
        <v>103</v>
      </c>
      <c r="B19" s="8" t="s">
        <v>104</v>
      </c>
    </row>
    <row r="20" spans="1:2" ht="150" customHeight="1" x14ac:dyDescent="0.3">
      <c r="A20" s="7" t="s">
        <v>105</v>
      </c>
      <c r="B20" s="8" t="s">
        <v>106</v>
      </c>
    </row>
    <row r="21" spans="1:2" ht="150" customHeight="1" x14ac:dyDescent="0.3">
      <c r="A21" s="9" t="s">
        <v>13</v>
      </c>
      <c r="B21" s="10" t="s">
        <v>372</v>
      </c>
    </row>
    <row r="22" spans="1:2" ht="150" customHeight="1" x14ac:dyDescent="0.3">
      <c r="A22" s="7" t="s">
        <v>107</v>
      </c>
      <c r="B22" s="8" t="s">
        <v>108</v>
      </c>
    </row>
    <row r="23" spans="1:2" ht="150" customHeight="1" x14ac:dyDescent="0.3">
      <c r="A23" s="9" t="s">
        <v>93</v>
      </c>
      <c r="B23" s="10" t="s">
        <v>94</v>
      </c>
    </row>
    <row r="24" spans="1:2" ht="150" customHeight="1" x14ac:dyDescent="0.3">
      <c r="A24" s="7" t="s">
        <v>109</v>
      </c>
      <c r="B24" s="8" t="s">
        <v>110</v>
      </c>
    </row>
    <row r="25" spans="1:2" ht="150" customHeight="1" x14ac:dyDescent="0.3">
      <c r="A25" s="7" t="s">
        <v>111</v>
      </c>
      <c r="B25" s="8" t="s">
        <v>112</v>
      </c>
    </row>
    <row r="26" spans="1:2" ht="150" customHeight="1" x14ac:dyDescent="0.3">
      <c r="A26" s="9" t="s">
        <v>14</v>
      </c>
      <c r="B26" s="10" t="s">
        <v>15</v>
      </c>
    </row>
    <row r="27" spans="1:2" ht="150" customHeight="1" x14ac:dyDescent="0.3">
      <c r="A27" s="7" t="s">
        <v>113</v>
      </c>
      <c r="B27" s="8" t="s">
        <v>114</v>
      </c>
    </row>
    <row r="28" spans="1:2" ht="150" customHeight="1" x14ac:dyDescent="0.3">
      <c r="A28" s="9" t="s">
        <v>369</v>
      </c>
      <c r="B28" s="10" t="s">
        <v>16</v>
      </c>
    </row>
    <row r="29" spans="1:2" ht="150" customHeight="1" x14ac:dyDescent="0.3">
      <c r="A29" s="7" t="s">
        <v>327</v>
      </c>
      <c r="B29" s="8" t="s">
        <v>328</v>
      </c>
    </row>
    <row r="30" spans="1:2" ht="150" customHeight="1" x14ac:dyDescent="0.3">
      <c r="A30" s="7" t="s">
        <v>115</v>
      </c>
      <c r="B30" s="8" t="s">
        <v>116</v>
      </c>
    </row>
    <row r="31" spans="1:2" ht="150" customHeight="1" x14ac:dyDescent="0.3">
      <c r="A31" s="9" t="s">
        <v>17</v>
      </c>
      <c r="B31" s="10" t="s">
        <v>18</v>
      </c>
    </row>
    <row r="32" spans="1:2" ht="150" customHeight="1" x14ac:dyDescent="0.3">
      <c r="A32" s="9" t="s">
        <v>78</v>
      </c>
      <c r="B32" s="10" t="s">
        <v>79</v>
      </c>
    </row>
    <row r="33" spans="1:2" ht="150" customHeight="1" x14ac:dyDescent="0.3">
      <c r="A33" s="9" t="s">
        <v>21</v>
      </c>
      <c r="B33" s="10" t="s">
        <v>22</v>
      </c>
    </row>
    <row r="34" spans="1:2" ht="150" customHeight="1" x14ac:dyDescent="0.3">
      <c r="A34" s="7" t="s">
        <v>117</v>
      </c>
      <c r="B34" s="8" t="s">
        <v>118</v>
      </c>
    </row>
    <row r="35" spans="1:2" ht="150" customHeight="1" x14ac:dyDescent="0.3">
      <c r="A35" s="9" t="s">
        <v>19</v>
      </c>
      <c r="B35" s="10" t="s">
        <v>20</v>
      </c>
    </row>
    <row r="36" spans="1:2" ht="150" customHeight="1" x14ac:dyDescent="0.3">
      <c r="A36" s="7" t="s">
        <v>363</v>
      </c>
      <c r="B36" s="8" t="s">
        <v>276</v>
      </c>
    </row>
    <row r="37" spans="1:2" ht="150" customHeight="1" x14ac:dyDescent="0.3">
      <c r="A37" s="7" t="s">
        <v>278</v>
      </c>
      <c r="B37" s="8" t="s">
        <v>279</v>
      </c>
    </row>
    <row r="38" spans="1:2" ht="150" customHeight="1" x14ac:dyDescent="0.3">
      <c r="A38" s="7" t="s">
        <v>345</v>
      </c>
      <c r="B38" s="8" t="s">
        <v>346</v>
      </c>
    </row>
    <row r="39" spans="1:2" ht="150" customHeight="1" x14ac:dyDescent="0.3">
      <c r="A39" s="7" t="s">
        <v>321</v>
      </c>
      <c r="B39" s="8" t="s">
        <v>322</v>
      </c>
    </row>
    <row r="40" spans="1:2" ht="150" customHeight="1" x14ac:dyDescent="0.3">
      <c r="A40" s="7" t="s">
        <v>294</v>
      </c>
      <c r="B40" s="8" t="s">
        <v>295</v>
      </c>
    </row>
    <row r="41" spans="1:2" ht="150" customHeight="1" x14ac:dyDescent="0.3">
      <c r="A41" s="7" t="s">
        <v>341</v>
      </c>
      <c r="B41" s="8" t="s">
        <v>342</v>
      </c>
    </row>
    <row r="42" spans="1:2" ht="150" customHeight="1" x14ac:dyDescent="0.3">
      <c r="A42" s="9" t="s">
        <v>23</v>
      </c>
      <c r="B42" s="10" t="s">
        <v>24</v>
      </c>
    </row>
    <row r="43" spans="1:2" ht="150" customHeight="1" x14ac:dyDescent="0.3">
      <c r="A43" s="9" t="s">
        <v>25</v>
      </c>
      <c r="B43" s="10" t="s">
        <v>26</v>
      </c>
    </row>
    <row r="44" spans="1:2" ht="150" customHeight="1" x14ac:dyDescent="0.3">
      <c r="A44" s="7" t="s">
        <v>119</v>
      </c>
      <c r="B44" s="8" t="s">
        <v>120</v>
      </c>
    </row>
    <row r="45" spans="1:2" ht="150" customHeight="1" x14ac:dyDescent="0.3">
      <c r="A45" s="7" t="s">
        <v>121</v>
      </c>
      <c r="B45" s="8" t="s">
        <v>122</v>
      </c>
    </row>
    <row r="46" spans="1:2" ht="150" customHeight="1" x14ac:dyDescent="0.3">
      <c r="A46" s="7" t="s">
        <v>123</v>
      </c>
      <c r="B46" s="8" t="s">
        <v>124</v>
      </c>
    </row>
    <row r="47" spans="1:2" ht="150" customHeight="1" x14ac:dyDescent="0.3">
      <c r="A47" s="7" t="s">
        <v>125</v>
      </c>
      <c r="B47" s="8" t="s">
        <v>126</v>
      </c>
    </row>
    <row r="48" spans="1:2" ht="150" customHeight="1" x14ac:dyDescent="0.3">
      <c r="A48" s="7" t="s">
        <v>359</v>
      </c>
      <c r="B48" s="8" t="s">
        <v>314</v>
      </c>
    </row>
    <row r="49" spans="1:2" ht="150" customHeight="1" x14ac:dyDescent="0.3">
      <c r="A49" s="9" t="s">
        <v>51</v>
      </c>
      <c r="B49" s="10" t="s">
        <v>52</v>
      </c>
    </row>
    <row r="50" spans="1:2" ht="150" customHeight="1" x14ac:dyDescent="0.3">
      <c r="A50" s="7" t="s">
        <v>135</v>
      </c>
      <c r="B50" s="8" t="s">
        <v>136</v>
      </c>
    </row>
    <row r="51" spans="1:2" ht="150" customHeight="1" x14ac:dyDescent="0.3">
      <c r="A51" s="7" t="s">
        <v>127</v>
      </c>
      <c r="B51" s="8" t="s">
        <v>128</v>
      </c>
    </row>
    <row r="52" spans="1:2" ht="150" customHeight="1" x14ac:dyDescent="0.3">
      <c r="A52" s="7" t="s">
        <v>288</v>
      </c>
      <c r="B52" s="8" t="s">
        <v>289</v>
      </c>
    </row>
    <row r="53" spans="1:2" ht="150" customHeight="1" x14ac:dyDescent="0.3">
      <c r="A53" s="7" t="s">
        <v>129</v>
      </c>
      <c r="B53" s="8" t="s">
        <v>130</v>
      </c>
    </row>
    <row r="54" spans="1:2" s="5" customFormat="1" ht="150" customHeight="1" x14ac:dyDescent="0.3">
      <c r="A54" s="9" t="s">
        <v>53</v>
      </c>
      <c r="B54" s="10" t="s">
        <v>54</v>
      </c>
    </row>
    <row r="55" spans="1:2" ht="150" customHeight="1" x14ac:dyDescent="0.3">
      <c r="A55" s="7" t="s">
        <v>131</v>
      </c>
      <c r="B55" s="8" t="s">
        <v>132</v>
      </c>
    </row>
    <row r="56" spans="1:2" ht="150" customHeight="1" x14ac:dyDescent="0.3">
      <c r="A56" s="7" t="s">
        <v>325</v>
      </c>
      <c r="B56" s="8" t="s">
        <v>326</v>
      </c>
    </row>
    <row r="57" spans="1:2" ht="150" customHeight="1" x14ac:dyDescent="0.3">
      <c r="A57" s="9" t="s">
        <v>55</v>
      </c>
      <c r="B57" s="10" t="s">
        <v>56</v>
      </c>
    </row>
    <row r="58" spans="1:2" ht="150" customHeight="1" x14ac:dyDescent="0.3">
      <c r="A58" s="7" t="s">
        <v>304</v>
      </c>
      <c r="B58" s="8" t="s">
        <v>305</v>
      </c>
    </row>
    <row r="59" spans="1:2" ht="150" customHeight="1" x14ac:dyDescent="0.3">
      <c r="A59" s="7" t="s">
        <v>355</v>
      </c>
      <c r="B59" s="8" t="s">
        <v>269</v>
      </c>
    </row>
    <row r="60" spans="1:2" ht="150" customHeight="1" x14ac:dyDescent="0.3">
      <c r="A60" s="9" t="s">
        <v>83</v>
      </c>
      <c r="B60" s="10" t="s">
        <v>84</v>
      </c>
    </row>
    <row r="61" spans="1:2" ht="150" customHeight="1" x14ac:dyDescent="0.3">
      <c r="A61" s="7" t="s">
        <v>333</v>
      </c>
      <c r="B61" s="8" t="s">
        <v>334</v>
      </c>
    </row>
    <row r="62" spans="1:2" ht="150" customHeight="1" x14ac:dyDescent="0.3">
      <c r="A62" s="7" t="s">
        <v>133</v>
      </c>
      <c r="B62" s="8" t="s">
        <v>134</v>
      </c>
    </row>
    <row r="63" spans="1:2" ht="150" customHeight="1" x14ac:dyDescent="0.3">
      <c r="A63" s="9" t="s">
        <v>57</v>
      </c>
      <c r="B63" s="10" t="s">
        <v>58</v>
      </c>
    </row>
    <row r="64" spans="1:2" ht="150" customHeight="1" x14ac:dyDescent="0.3">
      <c r="A64" s="7" t="s">
        <v>364</v>
      </c>
      <c r="B64" s="8" t="s">
        <v>277</v>
      </c>
    </row>
    <row r="65" spans="1:2" ht="150" customHeight="1" x14ac:dyDescent="0.3">
      <c r="A65" s="9" t="s">
        <v>29</v>
      </c>
      <c r="B65" s="10" t="s">
        <v>30</v>
      </c>
    </row>
    <row r="66" spans="1:2" ht="150" customHeight="1" x14ac:dyDescent="0.3">
      <c r="A66" s="9" t="s">
        <v>27</v>
      </c>
      <c r="B66" s="10" t="s">
        <v>28</v>
      </c>
    </row>
    <row r="67" spans="1:2" ht="150" customHeight="1" x14ac:dyDescent="0.3">
      <c r="A67" s="7" t="s">
        <v>284</v>
      </c>
      <c r="B67" s="8" t="s">
        <v>285</v>
      </c>
    </row>
    <row r="68" spans="1:2" ht="150" customHeight="1" x14ac:dyDescent="0.3">
      <c r="A68" s="9" t="s">
        <v>85</v>
      </c>
      <c r="B68" s="10" t="s">
        <v>86</v>
      </c>
    </row>
    <row r="69" spans="1:2" ht="150" customHeight="1" x14ac:dyDescent="0.3">
      <c r="A69" s="9" t="s">
        <v>89</v>
      </c>
      <c r="B69" s="10" t="s">
        <v>90</v>
      </c>
    </row>
    <row r="70" spans="1:2" ht="150" customHeight="1" x14ac:dyDescent="0.3">
      <c r="A70" s="7" t="s">
        <v>137</v>
      </c>
      <c r="B70" s="8" t="s">
        <v>138</v>
      </c>
    </row>
    <row r="71" spans="1:2" ht="150" customHeight="1" x14ac:dyDescent="0.3">
      <c r="A71" s="7" t="s">
        <v>139</v>
      </c>
      <c r="B71" s="8" t="s">
        <v>140</v>
      </c>
    </row>
    <row r="72" spans="1:2" ht="150" customHeight="1" x14ac:dyDescent="0.3">
      <c r="A72" s="7" t="s">
        <v>367</v>
      </c>
      <c r="B72" s="8" t="s">
        <v>141</v>
      </c>
    </row>
    <row r="73" spans="1:2" ht="150" customHeight="1" x14ac:dyDescent="0.3">
      <c r="A73" s="9" t="s">
        <v>35</v>
      </c>
      <c r="B73" s="10" t="s">
        <v>36</v>
      </c>
    </row>
    <row r="74" spans="1:2" ht="150" customHeight="1" x14ac:dyDescent="0.3">
      <c r="A74" s="9" t="s">
        <v>33</v>
      </c>
      <c r="B74" s="10" t="s">
        <v>34</v>
      </c>
    </row>
    <row r="75" spans="1:2" ht="150" customHeight="1" x14ac:dyDescent="0.3">
      <c r="A75" s="7" t="s">
        <v>365</v>
      </c>
      <c r="B75" s="8" t="s">
        <v>196</v>
      </c>
    </row>
    <row r="76" spans="1:2" ht="150" customHeight="1" x14ac:dyDescent="0.3">
      <c r="A76" s="7" t="s">
        <v>339</v>
      </c>
      <c r="B76" s="8" t="s">
        <v>340</v>
      </c>
    </row>
    <row r="77" spans="1:2" ht="150" customHeight="1" x14ac:dyDescent="0.3">
      <c r="A77" s="7" t="s">
        <v>142</v>
      </c>
      <c r="B77" s="8" t="s">
        <v>143</v>
      </c>
    </row>
    <row r="78" spans="1:2" ht="150" customHeight="1" x14ac:dyDescent="0.3">
      <c r="A78" s="9" t="s">
        <v>31</v>
      </c>
      <c r="B78" s="10" t="s">
        <v>32</v>
      </c>
    </row>
    <row r="79" spans="1:2" ht="150" customHeight="1" x14ac:dyDescent="0.3">
      <c r="A79" s="7" t="s">
        <v>144</v>
      </c>
      <c r="B79" s="8" t="s">
        <v>145</v>
      </c>
    </row>
    <row r="80" spans="1:2" ht="150" customHeight="1" x14ac:dyDescent="0.3">
      <c r="A80" s="7" t="s">
        <v>146</v>
      </c>
      <c r="B80" s="8" t="s">
        <v>147</v>
      </c>
    </row>
    <row r="81" spans="1:2" ht="150" customHeight="1" x14ac:dyDescent="0.3">
      <c r="A81" s="7" t="s">
        <v>317</v>
      </c>
      <c r="B81" s="8" t="s">
        <v>318</v>
      </c>
    </row>
    <row r="82" spans="1:2" ht="150" customHeight="1" x14ac:dyDescent="0.3">
      <c r="A82" s="9" t="s">
        <v>91</v>
      </c>
      <c r="B82" s="10" t="s">
        <v>92</v>
      </c>
    </row>
    <row r="83" spans="1:2" ht="150" customHeight="1" x14ac:dyDescent="0.3">
      <c r="A83" s="9" t="s">
        <v>37</v>
      </c>
      <c r="B83" s="10" t="s">
        <v>38</v>
      </c>
    </row>
    <row r="84" spans="1:2" ht="150" customHeight="1" x14ac:dyDescent="0.3">
      <c r="A84" s="7" t="s">
        <v>148</v>
      </c>
      <c r="B84" s="8" t="s">
        <v>149</v>
      </c>
    </row>
    <row r="85" spans="1:2" ht="150" customHeight="1" x14ac:dyDescent="0.3">
      <c r="A85" s="9" t="s">
        <v>39</v>
      </c>
      <c r="B85" s="10" t="s">
        <v>40</v>
      </c>
    </row>
    <row r="86" spans="1:2" ht="150" customHeight="1" x14ac:dyDescent="0.3">
      <c r="A86" s="7" t="s">
        <v>150</v>
      </c>
      <c r="B86" s="8" t="s">
        <v>151</v>
      </c>
    </row>
    <row r="87" spans="1:2" ht="150" customHeight="1" x14ac:dyDescent="0.3">
      <c r="A87" s="9" t="s">
        <v>43</v>
      </c>
      <c r="B87" s="10" t="s">
        <v>44</v>
      </c>
    </row>
    <row r="88" spans="1:2" ht="150" customHeight="1" x14ac:dyDescent="0.3">
      <c r="A88" s="7" t="s">
        <v>354</v>
      </c>
      <c r="B88" s="8" t="s">
        <v>268</v>
      </c>
    </row>
    <row r="89" spans="1:2" ht="150" customHeight="1" x14ac:dyDescent="0.3">
      <c r="A89" s="9" t="s">
        <v>41</v>
      </c>
      <c r="B89" s="10" t="s">
        <v>42</v>
      </c>
    </row>
    <row r="90" spans="1:2" ht="150" customHeight="1" x14ac:dyDescent="0.3">
      <c r="A90" s="9" t="s">
        <v>45</v>
      </c>
      <c r="B90" s="10" t="s">
        <v>46</v>
      </c>
    </row>
    <row r="91" spans="1:2" ht="150" customHeight="1" x14ac:dyDescent="0.3">
      <c r="A91" s="9" t="s">
        <v>47</v>
      </c>
      <c r="B91" s="10" t="s">
        <v>48</v>
      </c>
    </row>
    <row r="92" spans="1:2" ht="150" customHeight="1" x14ac:dyDescent="0.3">
      <c r="A92" s="7" t="s">
        <v>347</v>
      </c>
      <c r="B92" s="8" t="s">
        <v>348</v>
      </c>
    </row>
    <row r="93" spans="1:2" ht="150" customHeight="1" x14ac:dyDescent="0.3">
      <c r="A93" s="7" t="s">
        <v>282</v>
      </c>
      <c r="B93" s="8" t="s">
        <v>283</v>
      </c>
    </row>
    <row r="94" spans="1:2" ht="150" customHeight="1" x14ac:dyDescent="0.3">
      <c r="A94" s="9" t="s">
        <v>49</v>
      </c>
      <c r="B94" s="10" t="s">
        <v>50</v>
      </c>
    </row>
    <row r="95" spans="1:2" ht="150" customHeight="1" x14ac:dyDescent="0.3">
      <c r="A95" s="7" t="s">
        <v>152</v>
      </c>
      <c r="B95" s="8" t="s">
        <v>153</v>
      </c>
    </row>
    <row r="96" spans="1:2" ht="150" customHeight="1" x14ac:dyDescent="0.3">
      <c r="A96" s="7" t="s">
        <v>156</v>
      </c>
      <c r="B96" s="8" t="s">
        <v>157</v>
      </c>
    </row>
    <row r="97" spans="1:2" s="4" customFormat="1" ht="150" customHeight="1" x14ac:dyDescent="0.3">
      <c r="A97" s="7" t="s">
        <v>154</v>
      </c>
      <c r="B97" s="8" t="s">
        <v>155</v>
      </c>
    </row>
    <row r="98" spans="1:2" ht="150" customHeight="1" x14ac:dyDescent="0.3">
      <c r="A98" s="7" t="s">
        <v>158</v>
      </c>
      <c r="B98" s="8" t="s">
        <v>159</v>
      </c>
    </row>
    <row r="99" spans="1:2" ht="150" customHeight="1" x14ac:dyDescent="0.3">
      <c r="A99" s="7" t="s">
        <v>312</v>
      </c>
      <c r="B99" s="8" t="s">
        <v>313</v>
      </c>
    </row>
    <row r="100" spans="1:2" ht="150" customHeight="1" x14ac:dyDescent="0.3">
      <c r="A100" s="9" t="s">
        <v>87</v>
      </c>
      <c r="B100" s="10" t="s">
        <v>88</v>
      </c>
    </row>
    <row r="101" spans="1:2" ht="150" customHeight="1" x14ac:dyDescent="0.3">
      <c r="A101" s="7" t="s">
        <v>160</v>
      </c>
      <c r="B101" s="8" t="s">
        <v>161</v>
      </c>
    </row>
    <row r="102" spans="1:2" ht="150" customHeight="1" x14ac:dyDescent="0.3">
      <c r="A102" s="7" t="s">
        <v>162</v>
      </c>
      <c r="B102" s="8" t="s">
        <v>163</v>
      </c>
    </row>
    <row r="103" spans="1:2" ht="150" customHeight="1" x14ac:dyDescent="0.3">
      <c r="A103" s="7" t="s">
        <v>164</v>
      </c>
      <c r="B103" s="8" t="s">
        <v>165</v>
      </c>
    </row>
    <row r="104" spans="1:2" ht="150" customHeight="1" x14ac:dyDescent="0.3">
      <c r="A104" s="7" t="s">
        <v>361</v>
      </c>
      <c r="B104" s="8" t="s">
        <v>274</v>
      </c>
    </row>
    <row r="105" spans="1:2" ht="150" customHeight="1" x14ac:dyDescent="0.3">
      <c r="A105" s="7" t="s">
        <v>168</v>
      </c>
      <c r="B105" s="8" t="s">
        <v>169</v>
      </c>
    </row>
    <row r="106" spans="1:2" ht="150" customHeight="1" x14ac:dyDescent="0.3">
      <c r="A106" s="7" t="s">
        <v>170</v>
      </c>
      <c r="B106" s="8" t="s">
        <v>171</v>
      </c>
    </row>
    <row r="107" spans="1:2" ht="150" customHeight="1" x14ac:dyDescent="0.3">
      <c r="A107" s="7" t="s">
        <v>172</v>
      </c>
      <c r="B107" s="8" t="s">
        <v>173</v>
      </c>
    </row>
    <row r="108" spans="1:2" ht="150" customHeight="1" x14ac:dyDescent="0.3">
      <c r="A108" s="7" t="s">
        <v>174</v>
      </c>
      <c r="B108" s="8" t="s">
        <v>175</v>
      </c>
    </row>
    <row r="109" spans="1:2" ht="150" customHeight="1" x14ac:dyDescent="0.3">
      <c r="A109" s="7" t="s">
        <v>360</v>
      </c>
      <c r="B109" s="8" t="s">
        <v>273</v>
      </c>
    </row>
    <row r="110" spans="1:2" ht="150" customHeight="1" x14ac:dyDescent="0.3">
      <c r="A110" s="7" t="s">
        <v>166</v>
      </c>
      <c r="B110" s="8" t="s">
        <v>167</v>
      </c>
    </row>
    <row r="111" spans="1:2" ht="150" customHeight="1" x14ac:dyDescent="0.3">
      <c r="A111" s="7" t="s">
        <v>176</v>
      </c>
      <c r="B111" s="8" t="s">
        <v>177</v>
      </c>
    </row>
    <row r="112" spans="1:2" ht="150" customHeight="1" x14ac:dyDescent="0.3">
      <c r="A112" s="7" t="s">
        <v>178</v>
      </c>
      <c r="B112" s="8" t="s">
        <v>179</v>
      </c>
    </row>
    <row r="113" spans="1:2" ht="150" customHeight="1" x14ac:dyDescent="0.3">
      <c r="A113" s="9" t="s">
        <v>59</v>
      </c>
      <c r="B113" s="10" t="s">
        <v>60</v>
      </c>
    </row>
    <row r="114" spans="1:2" ht="150" customHeight="1" x14ac:dyDescent="0.3">
      <c r="A114" s="7" t="s">
        <v>308</v>
      </c>
      <c r="B114" s="8" t="s">
        <v>309</v>
      </c>
    </row>
    <row r="115" spans="1:2" ht="150" customHeight="1" x14ac:dyDescent="0.3">
      <c r="A115" s="7" t="s">
        <v>343</v>
      </c>
      <c r="B115" s="8" t="s">
        <v>344</v>
      </c>
    </row>
    <row r="116" spans="1:2" ht="150" customHeight="1" x14ac:dyDescent="0.3">
      <c r="A116" s="7" t="s">
        <v>296</v>
      </c>
      <c r="B116" s="8" t="s">
        <v>297</v>
      </c>
    </row>
    <row r="117" spans="1:2" ht="150" customHeight="1" x14ac:dyDescent="0.3">
      <c r="A117" s="7" t="s">
        <v>323</v>
      </c>
      <c r="B117" s="8" t="s">
        <v>324</v>
      </c>
    </row>
    <row r="118" spans="1:2" ht="150" customHeight="1" x14ac:dyDescent="0.3">
      <c r="A118" s="7" t="s">
        <v>352</v>
      </c>
      <c r="B118" s="8" t="s">
        <v>266</v>
      </c>
    </row>
    <row r="119" spans="1:2" ht="150" customHeight="1" x14ac:dyDescent="0.3">
      <c r="A119" s="7" t="s">
        <v>306</v>
      </c>
      <c r="B119" s="8" t="s">
        <v>307</v>
      </c>
    </row>
    <row r="120" spans="1:2" ht="150" customHeight="1" x14ac:dyDescent="0.3">
      <c r="A120" s="7" t="s">
        <v>368</v>
      </c>
      <c r="B120" s="8" t="s">
        <v>182</v>
      </c>
    </row>
    <row r="121" spans="1:2" ht="150" customHeight="1" x14ac:dyDescent="0.3">
      <c r="A121" s="7" t="s">
        <v>180</v>
      </c>
      <c r="B121" s="8" t="s">
        <v>181</v>
      </c>
    </row>
    <row r="122" spans="1:2" ht="150" customHeight="1" x14ac:dyDescent="0.3">
      <c r="A122" s="7" t="s">
        <v>183</v>
      </c>
      <c r="B122" s="8" t="s">
        <v>82</v>
      </c>
    </row>
    <row r="123" spans="1:2" ht="150" customHeight="1" x14ac:dyDescent="0.3">
      <c r="A123" s="9" t="s">
        <v>81</v>
      </c>
      <c r="B123" s="10" t="s">
        <v>82</v>
      </c>
    </row>
    <row r="124" spans="1:2" ht="150" customHeight="1" x14ac:dyDescent="0.3">
      <c r="A124" s="7" t="s">
        <v>349</v>
      </c>
      <c r="B124" s="8" t="s">
        <v>263</v>
      </c>
    </row>
    <row r="125" spans="1:2" ht="150" customHeight="1" x14ac:dyDescent="0.3">
      <c r="A125" s="7" t="s">
        <v>184</v>
      </c>
      <c r="B125" s="8" t="s">
        <v>185</v>
      </c>
    </row>
    <row r="126" spans="1:2" ht="150" customHeight="1" x14ac:dyDescent="0.3">
      <c r="A126" s="9" t="s">
        <v>373</v>
      </c>
      <c r="B126" s="10" t="s">
        <v>63</v>
      </c>
    </row>
    <row r="127" spans="1:2" ht="150" customHeight="1" x14ac:dyDescent="0.3">
      <c r="A127" s="7" t="s">
        <v>186</v>
      </c>
      <c r="B127" s="8" t="s">
        <v>187</v>
      </c>
    </row>
    <row r="128" spans="1:2" ht="150" customHeight="1" x14ac:dyDescent="0.3">
      <c r="A128" s="7" t="s">
        <v>188</v>
      </c>
      <c r="B128" s="8" t="s">
        <v>189</v>
      </c>
    </row>
    <row r="129" spans="1:2" ht="150" customHeight="1" x14ac:dyDescent="0.3">
      <c r="A129" s="7" t="s">
        <v>190</v>
      </c>
      <c r="B129" s="8" t="s">
        <v>191</v>
      </c>
    </row>
    <row r="130" spans="1:2" ht="150" customHeight="1" x14ac:dyDescent="0.3">
      <c r="A130" s="7" t="s">
        <v>192</v>
      </c>
      <c r="B130" s="8" t="s">
        <v>193</v>
      </c>
    </row>
    <row r="131" spans="1:2" ht="150" customHeight="1" x14ac:dyDescent="0.3">
      <c r="A131" s="7" t="s">
        <v>194</v>
      </c>
      <c r="B131" s="8" t="s">
        <v>195</v>
      </c>
    </row>
    <row r="132" spans="1:2" ht="150" customHeight="1" x14ac:dyDescent="0.3">
      <c r="A132" s="9" t="s">
        <v>366</v>
      </c>
      <c r="B132" s="10" t="s">
        <v>80</v>
      </c>
    </row>
    <row r="133" spans="1:2" ht="150" customHeight="1" x14ac:dyDescent="0.3">
      <c r="A133" s="9" t="s">
        <v>61</v>
      </c>
      <c r="B133" s="10" t="s">
        <v>62</v>
      </c>
    </row>
    <row r="134" spans="1:2" ht="150" customHeight="1" x14ac:dyDescent="0.3">
      <c r="A134" s="9" t="s">
        <v>64</v>
      </c>
      <c r="B134" s="10" t="s">
        <v>65</v>
      </c>
    </row>
    <row r="135" spans="1:2" ht="150" customHeight="1" x14ac:dyDescent="0.3">
      <c r="A135" s="7" t="s">
        <v>362</v>
      </c>
      <c r="B135" s="8" t="s">
        <v>275</v>
      </c>
    </row>
    <row r="136" spans="1:2" ht="150" customHeight="1" x14ac:dyDescent="0.3">
      <c r="A136" s="9" t="s">
        <v>66</v>
      </c>
      <c r="B136" s="10" t="s">
        <v>67</v>
      </c>
    </row>
    <row r="137" spans="1:2" ht="150" customHeight="1" x14ac:dyDescent="0.3">
      <c r="A137" s="7" t="s">
        <v>203</v>
      </c>
      <c r="B137" s="8" t="s">
        <v>204</v>
      </c>
    </row>
    <row r="138" spans="1:2" ht="150" customHeight="1" x14ac:dyDescent="0.3">
      <c r="A138" s="7" t="s">
        <v>205</v>
      </c>
      <c r="B138" s="8" t="s">
        <v>206</v>
      </c>
    </row>
    <row r="139" spans="1:2" ht="150" customHeight="1" x14ac:dyDescent="0.3">
      <c r="A139" s="7" t="s">
        <v>207</v>
      </c>
      <c r="B139" s="8" t="s">
        <v>208</v>
      </c>
    </row>
    <row r="140" spans="1:2" ht="150" customHeight="1" x14ac:dyDescent="0.3">
      <c r="A140" s="7" t="s">
        <v>209</v>
      </c>
      <c r="B140" s="8" t="s">
        <v>210</v>
      </c>
    </row>
    <row r="141" spans="1:2" ht="150" customHeight="1" x14ac:dyDescent="0.3">
      <c r="A141" s="7" t="s">
        <v>356</v>
      </c>
      <c r="B141" s="8" t="s">
        <v>270</v>
      </c>
    </row>
    <row r="142" spans="1:2" ht="150" customHeight="1" x14ac:dyDescent="0.3">
      <c r="A142" s="7" t="s">
        <v>197</v>
      </c>
      <c r="B142" s="8" t="s">
        <v>198</v>
      </c>
    </row>
    <row r="143" spans="1:2" ht="150" customHeight="1" x14ac:dyDescent="0.3">
      <c r="A143" s="7" t="s">
        <v>199</v>
      </c>
      <c r="B143" s="8" t="s">
        <v>200</v>
      </c>
    </row>
    <row r="144" spans="1:2" ht="150" customHeight="1" x14ac:dyDescent="0.3">
      <c r="A144" s="7" t="s">
        <v>211</v>
      </c>
      <c r="B144" s="8" t="s">
        <v>212</v>
      </c>
    </row>
    <row r="145" spans="1:2" ht="150" customHeight="1" x14ac:dyDescent="0.3">
      <c r="A145" s="7" t="s">
        <v>310</v>
      </c>
      <c r="B145" s="8" t="s">
        <v>311</v>
      </c>
    </row>
    <row r="146" spans="1:2" ht="150" customHeight="1" x14ac:dyDescent="0.3">
      <c r="A146" s="7" t="s">
        <v>358</v>
      </c>
      <c r="B146" s="8" t="s">
        <v>272</v>
      </c>
    </row>
    <row r="147" spans="1:2" ht="150" customHeight="1" x14ac:dyDescent="0.3">
      <c r="A147" s="7" t="s">
        <v>213</v>
      </c>
      <c r="B147" s="8" t="s">
        <v>214</v>
      </c>
    </row>
    <row r="148" spans="1:2" ht="150" customHeight="1" x14ac:dyDescent="0.3">
      <c r="A148" s="7" t="s">
        <v>215</v>
      </c>
      <c r="B148" s="8" t="s">
        <v>216</v>
      </c>
    </row>
    <row r="149" spans="1:2" ht="150" customHeight="1" x14ac:dyDescent="0.3">
      <c r="A149" s="7" t="s">
        <v>217</v>
      </c>
      <c r="B149" s="8" t="s">
        <v>218</v>
      </c>
    </row>
    <row r="150" spans="1:2" ht="150" customHeight="1" x14ac:dyDescent="0.3">
      <c r="A150" s="7" t="s">
        <v>219</v>
      </c>
      <c r="B150" s="8" t="s">
        <v>220</v>
      </c>
    </row>
    <row r="151" spans="1:2" ht="150" customHeight="1" x14ac:dyDescent="0.3">
      <c r="A151" s="7" t="s">
        <v>221</v>
      </c>
      <c r="B151" s="8" t="s">
        <v>222</v>
      </c>
    </row>
    <row r="152" spans="1:2" ht="150" customHeight="1" x14ac:dyDescent="0.3">
      <c r="A152" s="9" t="s">
        <v>68</v>
      </c>
      <c r="B152" s="10" t="s">
        <v>69</v>
      </c>
    </row>
    <row r="153" spans="1:2" ht="150" customHeight="1" x14ac:dyDescent="0.3">
      <c r="A153" s="7" t="s">
        <v>353</v>
      </c>
      <c r="B153" s="8" t="s">
        <v>267</v>
      </c>
    </row>
    <row r="154" spans="1:2" ht="150" customHeight="1" x14ac:dyDescent="0.3">
      <c r="A154" s="7" t="s">
        <v>315</v>
      </c>
      <c r="B154" s="8" t="s">
        <v>316</v>
      </c>
    </row>
    <row r="155" spans="1:2" ht="150" customHeight="1" x14ac:dyDescent="0.3">
      <c r="A155" s="7" t="s">
        <v>290</v>
      </c>
      <c r="B155" s="8" t="s">
        <v>291</v>
      </c>
    </row>
    <row r="156" spans="1:2" ht="150" customHeight="1" x14ac:dyDescent="0.3">
      <c r="A156" s="9" t="s">
        <v>70</v>
      </c>
      <c r="B156" s="10" t="s">
        <v>71</v>
      </c>
    </row>
    <row r="157" spans="1:2" ht="150" customHeight="1" x14ac:dyDescent="0.3">
      <c r="A157" s="7" t="s">
        <v>223</v>
      </c>
      <c r="B157" s="8" t="s">
        <v>224</v>
      </c>
    </row>
    <row r="158" spans="1:2" ht="150" customHeight="1" x14ac:dyDescent="0.3">
      <c r="A158" s="7" t="s">
        <v>225</v>
      </c>
      <c r="B158" s="8" t="s">
        <v>226</v>
      </c>
    </row>
    <row r="159" spans="1:2" ht="150" customHeight="1" x14ac:dyDescent="0.3">
      <c r="A159" s="7" t="s">
        <v>227</v>
      </c>
      <c r="B159" s="8" t="s">
        <v>228</v>
      </c>
    </row>
    <row r="160" spans="1:2" ht="150" customHeight="1" x14ac:dyDescent="0.3">
      <c r="A160" s="7" t="s">
        <v>231</v>
      </c>
      <c r="B160" s="8" t="s">
        <v>232</v>
      </c>
    </row>
    <row r="161" spans="1:2" ht="150" customHeight="1" x14ac:dyDescent="0.3">
      <c r="A161" s="7" t="s">
        <v>229</v>
      </c>
      <c r="B161" s="8" t="s">
        <v>230</v>
      </c>
    </row>
    <row r="162" spans="1:2" ht="150" customHeight="1" x14ac:dyDescent="0.3">
      <c r="A162" s="7" t="s">
        <v>233</v>
      </c>
      <c r="B162" s="8" t="s">
        <v>234</v>
      </c>
    </row>
    <row r="163" spans="1:2" ht="150" customHeight="1" x14ac:dyDescent="0.3">
      <c r="A163" s="7" t="s">
        <v>235</v>
      </c>
      <c r="B163" s="8" t="s">
        <v>236</v>
      </c>
    </row>
    <row r="164" spans="1:2" ht="150" customHeight="1" x14ac:dyDescent="0.3">
      <c r="A164" s="7" t="s">
        <v>351</v>
      </c>
      <c r="B164" s="8" t="s">
        <v>265</v>
      </c>
    </row>
    <row r="165" spans="1:2" ht="150" customHeight="1" x14ac:dyDescent="0.3">
      <c r="A165" s="9" t="s">
        <v>72</v>
      </c>
      <c r="B165" s="10" t="s">
        <v>73</v>
      </c>
    </row>
    <row r="166" spans="1:2" ht="150" customHeight="1" x14ac:dyDescent="0.3">
      <c r="A166" s="7" t="s">
        <v>237</v>
      </c>
      <c r="B166" s="8" t="s">
        <v>238</v>
      </c>
    </row>
    <row r="167" spans="1:2" ht="150" customHeight="1" x14ac:dyDescent="0.3">
      <c r="A167" s="7" t="s">
        <v>239</v>
      </c>
      <c r="B167" s="8" t="s">
        <v>240</v>
      </c>
    </row>
    <row r="168" spans="1:2" ht="150" customHeight="1" x14ac:dyDescent="0.3">
      <c r="A168" s="7" t="s">
        <v>298</v>
      </c>
      <c r="B168" s="8" t="s">
        <v>299</v>
      </c>
    </row>
    <row r="169" spans="1:2" ht="150" customHeight="1" x14ac:dyDescent="0.3">
      <c r="A169" s="7" t="s">
        <v>241</v>
      </c>
      <c r="B169" s="8" t="s">
        <v>242</v>
      </c>
    </row>
    <row r="170" spans="1:2" ht="150" customHeight="1" x14ac:dyDescent="0.3">
      <c r="A170" s="7" t="s">
        <v>357</v>
      </c>
      <c r="B170" s="8" t="s">
        <v>271</v>
      </c>
    </row>
    <row r="171" spans="1:2" ht="150" customHeight="1" x14ac:dyDescent="0.3">
      <c r="A171" s="7" t="s">
        <v>243</v>
      </c>
      <c r="B171" s="8" t="s">
        <v>244</v>
      </c>
    </row>
    <row r="172" spans="1:2" ht="150" customHeight="1" x14ac:dyDescent="0.3">
      <c r="A172" s="7" t="s">
        <v>350</v>
      </c>
      <c r="B172" s="8" t="s">
        <v>264</v>
      </c>
    </row>
    <row r="173" spans="1:2" ht="150" customHeight="1" x14ac:dyDescent="0.3">
      <c r="A173" s="7" t="s">
        <v>245</v>
      </c>
      <c r="B173" s="8" t="s">
        <v>246</v>
      </c>
    </row>
    <row r="174" spans="1:2" ht="150" customHeight="1" x14ac:dyDescent="0.3">
      <c r="A174" s="7" t="s">
        <v>247</v>
      </c>
      <c r="B174" s="8" t="s">
        <v>248</v>
      </c>
    </row>
    <row r="175" spans="1:2" ht="150" customHeight="1" x14ac:dyDescent="0.3">
      <c r="A175" s="7" t="s">
        <v>302</v>
      </c>
      <c r="B175" s="8" t="s">
        <v>303</v>
      </c>
    </row>
    <row r="176" spans="1:2" ht="150" customHeight="1" x14ac:dyDescent="0.3">
      <c r="A176" s="7" t="s">
        <v>337</v>
      </c>
      <c r="B176" s="8" t="s">
        <v>338</v>
      </c>
    </row>
    <row r="177" spans="1:2" ht="150" customHeight="1" x14ac:dyDescent="0.3">
      <c r="A177" s="7" t="s">
        <v>249</v>
      </c>
      <c r="B177" s="8" t="s">
        <v>250</v>
      </c>
    </row>
    <row r="178" spans="1:2" ht="150" customHeight="1" x14ac:dyDescent="0.3">
      <c r="A178" s="7" t="s">
        <v>329</v>
      </c>
      <c r="B178" s="8" t="s">
        <v>330</v>
      </c>
    </row>
    <row r="179" spans="1:2" ht="150" customHeight="1" x14ac:dyDescent="0.3">
      <c r="A179" s="7" t="s">
        <v>201</v>
      </c>
      <c r="B179" s="8" t="s">
        <v>202</v>
      </c>
    </row>
    <row r="180" spans="1:2" ht="150" customHeight="1" x14ac:dyDescent="0.3">
      <c r="A180" s="7" t="s">
        <v>251</v>
      </c>
      <c r="B180" s="8" t="s">
        <v>252</v>
      </c>
    </row>
    <row r="181" spans="1:2" ht="150" customHeight="1" x14ac:dyDescent="0.3">
      <c r="A181" s="9" t="s">
        <v>74</v>
      </c>
      <c r="B181" s="10" t="s">
        <v>75</v>
      </c>
    </row>
    <row r="182" spans="1:2" ht="150" customHeight="1" x14ac:dyDescent="0.3">
      <c r="A182" s="7" t="s">
        <v>319</v>
      </c>
      <c r="B182" s="8" t="s">
        <v>320</v>
      </c>
    </row>
    <row r="183" spans="1:2" ht="150" customHeight="1" x14ac:dyDescent="0.3">
      <c r="A183" s="7" t="s">
        <v>253</v>
      </c>
      <c r="B183" s="8" t="s">
        <v>254</v>
      </c>
    </row>
    <row r="184" spans="1:2" ht="150" customHeight="1" x14ac:dyDescent="0.3">
      <c r="A184" s="7" t="s">
        <v>255</v>
      </c>
      <c r="B184" s="8" t="s">
        <v>256</v>
      </c>
    </row>
    <row r="185" spans="1:2" ht="150" customHeight="1" x14ac:dyDescent="0.3">
      <c r="A185" s="7" t="s">
        <v>261</v>
      </c>
      <c r="B185" s="8" t="s">
        <v>262</v>
      </c>
    </row>
    <row r="186" spans="1:2" ht="150" customHeight="1" x14ac:dyDescent="0.3">
      <c r="A186" s="9" t="s">
        <v>76</v>
      </c>
      <c r="B186" s="10" t="s">
        <v>77</v>
      </c>
    </row>
    <row r="187" spans="1:2" ht="150" customHeight="1" x14ac:dyDescent="0.3">
      <c r="A187" s="7" t="s">
        <v>257</v>
      </c>
      <c r="B187" s="8" t="s">
        <v>258</v>
      </c>
    </row>
    <row r="188" spans="1:2" ht="150" customHeight="1" x14ac:dyDescent="0.3">
      <c r="A188" s="7" t="s">
        <v>259</v>
      </c>
      <c r="B188" s="8" t="s">
        <v>260</v>
      </c>
    </row>
  </sheetData>
  <sortState xmlns:xlrd2="http://schemas.microsoft.com/office/spreadsheetml/2017/richdata2" ref="A2:B188">
    <sortCondition ref="A2:A188"/>
  </sortState>
  <pageMargins left="0.70866141732283472" right="0.70866141732283472" top="0.74803149606299213" bottom="0.74803149606299213" header="0.31496062992125984" footer="0.31496062992125984"/>
  <pageSetup paperSize="9" scale="10" orientation="landscape"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ce517759-f92f-42d7-9aed-c5836ff7ff8f" xsi:nil="true"/>
    <lcf76f155ced4ddcb4097134ff3c332f xmlns="c5c7d5e6-34f9-46fd-85cf-d85bcd85d2aa">
      <Terms xmlns="http://schemas.microsoft.com/office/infopath/2007/PartnerControls"/>
    </lcf76f155ced4ddcb4097134ff3c332f>
  </documentManagement>
</p:properties>
</file>

<file path=customXml/item2.xml><?xml version="1.0" encoding="utf-8"?>
<TemplafyTemplateConfiguration><![CDATA[{"transformationConfigurations":[],"templateName":"Deloitte Excel Template","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FA1C3D6FFE547945B88D199C9788E1DF" ma:contentTypeVersion="18" ma:contentTypeDescription="Create a new document." ma:contentTypeScope="" ma:versionID="86fe0e4f6f86f7f6ae22928d8c52d8b8">
  <xsd:schema xmlns:xsd="http://www.w3.org/2001/XMLSchema" xmlns:xs="http://www.w3.org/2001/XMLSchema" xmlns:p="http://schemas.microsoft.com/office/2006/metadata/properties" xmlns:ns2="c5c7d5e6-34f9-46fd-85cf-d85bcd85d2aa" xmlns:ns3="ce517759-f92f-42d7-9aed-c5836ff7ff8f" targetNamespace="http://schemas.microsoft.com/office/2006/metadata/properties" ma:root="true" ma:fieldsID="bee3cc3c7b46b131d2986a2682b8f298" ns2:_="" ns3:_="">
    <xsd:import namespace="c5c7d5e6-34f9-46fd-85cf-d85bcd85d2aa"/>
    <xsd:import namespace="ce517759-f92f-42d7-9aed-c5836ff7ff8f"/>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Tags" minOccurs="0"/>
                <xsd:element ref="ns2:MediaServiceGenerationTime" minOccurs="0"/>
                <xsd:element ref="ns2:MediaServiceEventHashCode" minOccurs="0"/>
                <xsd:element ref="ns2:MediaServiceAutoKeyPoints" minOccurs="0"/>
                <xsd:element ref="ns2:MediaServiceKeyPoints" minOccurs="0"/>
                <xsd:element ref="ns2:MediaServiceOCR" minOccurs="0"/>
                <xsd:element ref="ns2:MediaLengthInSeconds" minOccurs="0"/>
                <xsd:element ref="ns2:MediaServiceLocation"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5c7d5e6-34f9-46fd-85cf-d85bcd85d2a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OCR" ma:index="18" nillable="true" ma:displayName="Extracted Text" ma:internalName="MediaServiceOCR" ma:readOnly="true">
      <xsd:simpleType>
        <xsd:restriction base="dms:Note">
          <xsd:maxLength value="255"/>
        </xsd:restriction>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ce517759-f92f-42d7-9aed-c5836ff7ff8f"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a2e32fc8-b967-437d-8aff-846d448971f4}" ma:internalName="TaxCatchAll" ma:showField="CatchAllData" ma:web="ce517759-f92f-42d7-9aed-c5836ff7ff8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3669851-B751-4732-A682-54218E9D69EE}">
  <ds:schemaRefs>
    <ds:schemaRef ds:uri="http://schemas.microsoft.com/office/2006/metadata/properties"/>
    <ds:schemaRef ds:uri="http://schemas.microsoft.com/office/infopath/2007/PartnerControls"/>
    <ds:schemaRef ds:uri="ce517759-f92f-42d7-9aed-c5836ff7ff8f"/>
    <ds:schemaRef ds:uri="c5c7d5e6-34f9-46fd-85cf-d85bcd85d2aa"/>
  </ds:schemaRefs>
</ds:datastoreItem>
</file>

<file path=customXml/itemProps2.xml><?xml version="1.0" encoding="utf-8"?>
<ds:datastoreItem xmlns:ds="http://schemas.openxmlformats.org/officeDocument/2006/customXml" ds:itemID="{FFB72106-566B-477B-A545-C67C959C7B45}">
  <ds:schemaRefs/>
</ds:datastoreItem>
</file>

<file path=customXml/itemProps3.xml><?xml version="1.0" encoding="utf-8"?>
<ds:datastoreItem xmlns:ds="http://schemas.openxmlformats.org/officeDocument/2006/customXml" ds:itemID="{32C38829-C3AE-4202-9CB1-0356487E15CF}">
  <ds:schemaRefs/>
</ds:datastoreItem>
</file>

<file path=customXml/itemProps4.xml><?xml version="1.0" encoding="utf-8"?>
<ds:datastoreItem xmlns:ds="http://schemas.openxmlformats.org/officeDocument/2006/customXml" ds:itemID="{B6758DFB-78A7-4542-B44D-3203846FC758}"/>
</file>

<file path=customXml/itemProps5.xml><?xml version="1.0" encoding="utf-8"?>
<ds:datastoreItem xmlns:ds="http://schemas.openxmlformats.org/officeDocument/2006/customXml" ds:itemID="{50380519-0927-4A59-BA11-60B9113F6B7E}">
  <ds:schemaRefs>
    <ds:schemaRef ds:uri="http://schemas.microsoft.com/sharepoint/v3/contenttype/forms"/>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vt:i4>
      </vt:variant>
    </vt:vector>
  </HeadingPairs>
  <TitlesOfParts>
    <vt:vector size="1" baseType="lpstr">
      <vt:lpstr>Επιχειρηματικό Λεξικό</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thaiou, Marianna</dc:creator>
  <cp:keywords/>
  <dc:description/>
  <cp:lastModifiedBy>Matthaiou, Marianna</cp:lastModifiedBy>
  <cp:revision/>
  <dcterms:created xsi:type="dcterms:W3CDTF">2024-07-22T11:03:27Z</dcterms:created>
  <dcterms:modified xsi:type="dcterms:W3CDTF">2025-03-13T13:36:2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04-16T15:52:12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efd3d947-911d-4f61-9e62-8bd28f73bed7</vt:lpwstr>
  </property>
  <property fmtid="{D5CDD505-2E9C-101B-9397-08002B2CF9AE}" pid="8" name="MSIP_Label_459ef8e5-3aaa-41a0-b30c-a77b6f506147_ContentBits">
    <vt:lpwstr>0</vt:lpwstr>
  </property>
  <property fmtid="{D5CDD505-2E9C-101B-9397-08002B2CF9AE}" pid="9" name="TemplafyTenantId">
    <vt:lpwstr>deloittecm</vt:lpwstr>
  </property>
  <property fmtid="{D5CDD505-2E9C-101B-9397-08002B2CF9AE}" pid="10" name="TemplafyTemplateId">
    <vt:lpwstr>892517638377832681</vt:lpwstr>
  </property>
  <property fmtid="{D5CDD505-2E9C-101B-9397-08002B2CF9AE}" pid="11" name="TemplafyUserProfileId">
    <vt:lpwstr>963676776703984429</vt:lpwstr>
  </property>
  <property fmtid="{D5CDD505-2E9C-101B-9397-08002B2CF9AE}" pid="12" name="TemplafyFromBlank">
    <vt:bool>true</vt:bool>
  </property>
  <property fmtid="{D5CDD505-2E9C-101B-9397-08002B2CF9AE}" pid="13" name="MSIP_Label_ea60d57e-af5b-4752-ac57-3e4f28ca11dc_Enabled">
    <vt:lpwstr>true</vt:lpwstr>
  </property>
  <property fmtid="{D5CDD505-2E9C-101B-9397-08002B2CF9AE}" pid="14" name="MSIP_Label_ea60d57e-af5b-4752-ac57-3e4f28ca11dc_SetDate">
    <vt:lpwstr>2024-11-12T11:56:00Z</vt:lpwstr>
  </property>
  <property fmtid="{D5CDD505-2E9C-101B-9397-08002B2CF9AE}" pid="15" name="MSIP_Label_ea60d57e-af5b-4752-ac57-3e4f28ca11dc_Method">
    <vt:lpwstr>Standard</vt:lpwstr>
  </property>
  <property fmtid="{D5CDD505-2E9C-101B-9397-08002B2CF9AE}" pid="16" name="MSIP_Label_ea60d57e-af5b-4752-ac57-3e4f28ca11dc_Name">
    <vt:lpwstr>ea60d57e-af5b-4752-ac57-3e4f28ca11dc</vt:lpwstr>
  </property>
  <property fmtid="{D5CDD505-2E9C-101B-9397-08002B2CF9AE}" pid="17" name="MSIP_Label_ea60d57e-af5b-4752-ac57-3e4f28ca11dc_SiteId">
    <vt:lpwstr>36da45f1-dd2c-4d1f-af13-5abe46b99921</vt:lpwstr>
  </property>
  <property fmtid="{D5CDD505-2E9C-101B-9397-08002B2CF9AE}" pid="18" name="MSIP_Label_ea60d57e-af5b-4752-ac57-3e4f28ca11dc_ActionId">
    <vt:lpwstr>ad84bb1c-b63c-44c5-9814-fec0a43f8a38</vt:lpwstr>
  </property>
  <property fmtid="{D5CDD505-2E9C-101B-9397-08002B2CF9AE}" pid="19" name="MSIP_Label_ea60d57e-af5b-4752-ac57-3e4f28ca11dc_ContentBits">
    <vt:lpwstr>0</vt:lpwstr>
  </property>
  <property fmtid="{D5CDD505-2E9C-101B-9397-08002B2CF9AE}" pid="20" name="ContentTypeId">
    <vt:lpwstr>0x010100FA1C3D6FFE547945B88D199C9788E1DF</vt:lpwstr>
  </property>
  <property fmtid="{D5CDD505-2E9C-101B-9397-08002B2CF9AE}" pid="21" name="MediaServiceImageTags">
    <vt:lpwstr/>
  </property>
</Properties>
</file>